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1.　一般状況\ＸＬＳ\"/>
    </mc:Choice>
  </mc:AlternateContent>
  <bookViews>
    <workbookView xWindow="0" yWindow="0" windowWidth="20490" windowHeight="7185"/>
  </bookViews>
  <sheets>
    <sheet name="構成割合" sheetId="1" r:id="rId1"/>
  </sheets>
  <definedNames>
    <definedName name="_Key1" hidden="1">#REF!</definedName>
    <definedName name="_Order1" hidden="1">0</definedName>
    <definedName name="\b">#REF!</definedName>
    <definedName name="_xlnm.Print_Area" localSheetId="0">構成割合!$A$1:$R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0" uniqueCount="66">
  <si>
    <r>
      <t>1</t>
    </r>
    <r>
      <rPr>
        <sz val="11"/>
        <rFont val="ＭＳ Ｐゴシック"/>
        <family val="3"/>
        <charset val="128"/>
      </rPr>
      <t>.</t>
    </r>
    <r>
      <rPr>
        <sz val="11"/>
        <rFont val="ＭＳ Ｐゴシック"/>
        <family val="3"/>
        <charset val="128"/>
      </rPr>
      <t>一般状況（３）　被保険者構成割合等</t>
    </r>
    <phoneticPr fontId="1"/>
  </si>
  <si>
    <t>保険者名</t>
  </si>
  <si>
    <t>一般</t>
    <phoneticPr fontId="1"/>
  </si>
  <si>
    <t>退職者等</t>
  </si>
  <si>
    <t>前期高齢者</t>
    <rPh sb="0" eb="2">
      <t>ゼンキ</t>
    </rPh>
    <rPh sb="2" eb="5">
      <t>コウレイシャ</t>
    </rPh>
    <phoneticPr fontId="1"/>
  </si>
  <si>
    <t>被保険者数／職員数</t>
    <rPh sb="0" eb="4">
      <t>ヒホケンシャ</t>
    </rPh>
    <rPh sb="6" eb="8">
      <t>ショクイン</t>
    </rPh>
    <phoneticPr fontId="1"/>
  </si>
  <si>
    <t>非表示</t>
    <rPh sb="0" eb="1">
      <t>ヒ</t>
    </rPh>
    <rPh sb="1" eb="3">
      <t>ヒョウジ</t>
    </rPh>
    <phoneticPr fontId="1"/>
  </si>
  <si>
    <t>構成割合</t>
  </si>
  <si>
    <t>順</t>
  </si>
  <si>
    <t>27→28</t>
    <phoneticPr fontId="1"/>
  </si>
  <si>
    <t>27→28</t>
    <phoneticPr fontId="1"/>
  </si>
  <si>
    <t>1人当たり</t>
    <phoneticPr fontId="1"/>
  </si>
  <si>
    <t>前年度⇒</t>
    <rPh sb="0" eb="2">
      <t>ゼンネン</t>
    </rPh>
    <phoneticPr fontId="1"/>
  </si>
  <si>
    <t>（％）</t>
  </si>
  <si>
    <t>位</t>
  </si>
  <si>
    <t>増減</t>
  </si>
  <si>
    <t>人数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1"/>
  </si>
  <si>
    <t>－</t>
  </si>
  <si>
    <t>－</t>
    <phoneticPr fontId="1"/>
  </si>
  <si>
    <t>－</t>
    <phoneticPr fontId="1"/>
  </si>
  <si>
    <t xml:space="preserve"> 歯科医師</t>
    <phoneticPr fontId="1"/>
  </si>
  <si>
    <t xml:space="preserve"> 食品衛生</t>
    <phoneticPr fontId="1"/>
  </si>
  <si>
    <t>－</t>
    <phoneticPr fontId="1"/>
  </si>
  <si>
    <t xml:space="preserve"> 薬剤師</t>
    <phoneticPr fontId="1"/>
  </si>
  <si>
    <t xml:space="preserve"> 建設業</t>
    <phoneticPr fontId="1"/>
  </si>
  <si>
    <t xml:space="preserve"> 建設連合</t>
    <phoneticPr fontId="1"/>
  </si>
  <si>
    <t>－</t>
    <phoneticPr fontId="1"/>
  </si>
  <si>
    <t>市町村平均</t>
  </si>
  <si>
    <t>－</t>
    <phoneticPr fontId="1"/>
  </si>
  <si>
    <t>組 合 平 均</t>
    <phoneticPr fontId="1"/>
  </si>
  <si>
    <t>県    平    均</t>
    <phoneticPr fontId="1"/>
  </si>
  <si>
    <t>（注）年度末時点</t>
    <rPh sb="1" eb="2">
      <t>チュウ</t>
    </rPh>
    <rPh sb="3" eb="6">
      <t>ネンドマツ</t>
    </rPh>
    <rPh sb="6" eb="8">
      <t>ジテ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0_ "/>
    <numFmt numFmtId="177" formatCode="0_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11"/>
      <color indexed="1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color indexed="18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28">
    <xf numFmtId="0" fontId="0" fillId="0" borderId="0" xfId="0"/>
    <xf numFmtId="38" fontId="0" fillId="0" borderId="0" xfId="1" applyFont="1"/>
    <xf numFmtId="38" fontId="1" fillId="0" borderId="0" xfId="1" applyFont="1"/>
    <xf numFmtId="38" fontId="3" fillId="0" borderId="0" xfId="1" applyFont="1"/>
    <xf numFmtId="38" fontId="1" fillId="0" borderId="0" xfId="1" applyFont="1" applyAlignment="1">
      <alignment horizontal="right"/>
    </xf>
    <xf numFmtId="38" fontId="5" fillId="0" borderId="2" xfId="1" quotePrefix="1" applyFont="1" applyBorder="1" applyAlignment="1" applyProtection="1">
      <alignment horizontal="center" vertical="center"/>
    </xf>
    <xf numFmtId="38" fontId="5" fillId="0" borderId="3" xfId="1" applyFont="1" applyBorder="1" applyAlignment="1">
      <alignment horizontal="center" justifyLastLine="1"/>
    </xf>
    <xf numFmtId="38" fontId="5" fillId="0" borderId="4" xfId="1" applyFont="1" applyBorder="1" applyAlignment="1">
      <alignment horizontal="center" justifyLastLine="1"/>
    </xf>
    <xf numFmtId="38" fontId="4" fillId="0" borderId="0" xfId="1" applyFont="1" applyAlignment="1">
      <alignment horizontal="center"/>
    </xf>
    <xf numFmtId="38" fontId="5" fillId="0" borderId="7" xfId="1" quotePrefix="1" applyFont="1" applyBorder="1" applyAlignment="1" applyProtection="1">
      <alignment horizontal="center" vertical="center"/>
    </xf>
    <xf numFmtId="38" fontId="4" fillId="0" borderId="8" xfId="1" applyFont="1" applyBorder="1" applyAlignment="1">
      <alignment horizontal="center"/>
    </xf>
    <xf numFmtId="38" fontId="4" fillId="0" borderId="9" xfId="1" applyFont="1" applyBorder="1" applyAlignment="1">
      <alignment horizontal="center"/>
    </xf>
    <xf numFmtId="38" fontId="4" fillId="0" borderId="7" xfId="1" quotePrefix="1" applyFont="1" applyBorder="1" applyAlignment="1">
      <alignment horizontal="center"/>
    </xf>
    <xf numFmtId="38" fontId="5" fillId="0" borderId="10" xfId="1" quotePrefix="1" applyFont="1" applyBorder="1" applyAlignment="1" applyProtection="1">
      <alignment horizontal="center" vertical="center"/>
    </xf>
    <xf numFmtId="38" fontId="4" fillId="0" borderId="11" xfId="1" applyFont="1" applyBorder="1" applyAlignment="1">
      <alignment horizontal="center"/>
    </xf>
    <xf numFmtId="38" fontId="5" fillId="0" borderId="12" xfId="1" quotePrefix="1" applyFont="1" applyBorder="1" applyAlignment="1" applyProtection="1">
      <alignment horizontal="center" vertical="center"/>
    </xf>
    <xf numFmtId="38" fontId="4" fillId="0" borderId="11" xfId="1" applyFont="1" applyBorder="1" applyAlignment="1">
      <alignment horizontal="center" shrinkToFit="1"/>
    </xf>
    <xf numFmtId="38" fontId="4" fillId="0" borderId="13" xfId="1" quotePrefix="1" applyFont="1" applyBorder="1" applyAlignment="1">
      <alignment horizontal="center"/>
    </xf>
    <xf numFmtId="38" fontId="4" fillId="0" borderId="6" xfId="1" applyFont="1" applyBorder="1" applyAlignment="1">
      <alignment horizontal="center"/>
    </xf>
    <xf numFmtId="38" fontId="5" fillId="0" borderId="15" xfId="1" quotePrefix="1" applyFont="1" applyBorder="1" applyAlignment="1" applyProtection="1">
      <alignment horizontal="center" vertical="center"/>
    </xf>
    <xf numFmtId="38" fontId="4" fillId="0" borderId="16" xfId="1" applyFont="1" applyBorder="1" applyAlignment="1">
      <alignment horizontal="center"/>
    </xf>
    <xf numFmtId="38" fontId="4" fillId="0" borderId="17" xfId="1" applyFont="1" applyBorder="1" applyAlignment="1">
      <alignment horizontal="center"/>
    </xf>
    <xf numFmtId="38" fontId="4" fillId="0" borderId="15" xfId="1" applyFont="1" applyBorder="1" applyAlignment="1">
      <alignment horizontal="center"/>
    </xf>
    <xf numFmtId="38" fontId="5" fillId="0" borderId="18" xfId="1" quotePrefix="1" applyFont="1" applyBorder="1" applyAlignment="1" applyProtection="1">
      <alignment horizontal="center" vertical="center"/>
    </xf>
    <xf numFmtId="38" fontId="4" fillId="0" borderId="19" xfId="1" applyFont="1" applyBorder="1" applyAlignment="1">
      <alignment horizontal="center"/>
    </xf>
    <xf numFmtId="38" fontId="5" fillId="0" borderId="20" xfId="1" quotePrefix="1" applyFont="1" applyBorder="1" applyAlignment="1" applyProtection="1">
      <alignment horizontal="center" vertical="center"/>
    </xf>
    <xf numFmtId="38" fontId="4" fillId="0" borderId="16" xfId="1" applyFont="1" applyBorder="1" applyAlignment="1">
      <alignment horizontal="center" shrinkToFit="1"/>
    </xf>
    <xf numFmtId="38" fontId="4" fillId="0" borderId="21" xfId="1" applyFont="1" applyBorder="1" applyAlignment="1">
      <alignment horizontal="center"/>
    </xf>
    <xf numFmtId="38" fontId="4" fillId="0" borderId="22" xfId="1" applyFont="1" applyBorder="1" applyAlignment="1" applyProtection="1">
      <alignment vertical="center"/>
    </xf>
    <xf numFmtId="38" fontId="6" fillId="0" borderId="23" xfId="1" applyFont="1" applyBorder="1"/>
    <xf numFmtId="40" fontId="4" fillId="0" borderId="24" xfId="2" applyNumberFormat="1" applyFont="1" applyBorder="1"/>
    <xf numFmtId="40" fontId="4" fillId="0" borderId="24" xfId="1" applyNumberFormat="1" applyFont="1" applyBorder="1"/>
    <xf numFmtId="38" fontId="4" fillId="0" borderId="25" xfId="1" applyFont="1" applyBorder="1"/>
    <xf numFmtId="40" fontId="4" fillId="0" borderId="26" xfId="1" applyNumberFormat="1" applyFont="1" applyBorder="1"/>
    <xf numFmtId="38" fontId="4" fillId="0" borderId="24" xfId="2" applyFont="1" applyBorder="1" applyAlignment="1">
      <alignment horizontal="right"/>
    </xf>
    <xf numFmtId="38" fontId="4" fillId="0" borderId="24" xfId="1" applyFont="1" applyBorder="1" applyAlignment="1">
      <alignment horizontal="right"/>
    </xf>
    <xf numFmtId="38" fontId="4" fillId="0" borderId="0" xfId="1" applyFont="1"/>
    <xf numFmtId="38" fontId="4" fillId="0" borderId="28" xfId="1" applyFont="1" applyBorder="1" applyAlignment="1" applyProtection="1">
      <alignment vertical="center"/>
    </xf>
    <xf numFmtId="38" fontId="4" fillId="0" borderId="29" xfId="1" applyFont="1" applyBorder="1" applyAlignment="1" applyProtection="1">
      <alignment vertical="center"/>
    </xf>
    <xf numFmtId="38" fontId="6" fillId="0" borderId="30" xfId="1" applyFont="1" applyBorder="1"/>
    <xf numFmtId="40" fontId="4" fillId="0" borderId="31" xfId="2" applyNumberFormat="1" applyFont="1" applyBorder="1"/>
    <xf numFmtId="40" fontId="4" fillId="0" borderId="31" xfId="1" applyNumberFormat="1" applyFont="1" applyBorder="1"/>
    <xf numFmtId="38" fontId="4" fillId="0" borderId="32" xfId="1" applyFont="1" applyBorder="1"/>
    <xf numFmtId="40" fontId="4" fillId="0" borderId="33" xfId="1" applyNumberFormat="1" applyFont="1" applyBorder="1"/>
    <xf numFmtId="38" fontId="4" fillId="0" borderId="9" xfId="1" applyFont="1" applyBorder="1"/>
    <xf numFmtId="38" fontId="4" fillId="0" borderId="31" xfId="2" applyFont="1" applyBorder="1" applyAlignment="1">
      <alignment horizontal="right"/>
    </xf>
    <xf numFmtId="38" fontId="4" fillId="0" borderId="31" xfId="1" applyFont="1" applyBorder="1" applyAlignment="1">
      <alignment horizontal="right"/>
    </xf>
    <xf numFmtId="38" fontId="4" fillId="0" borderId="35" xfId="1" applyFont="1" applyBorder="1" applyAlignment="1" applyProtection="1">
      <alignment vertical="center"/>
    </xf>
    <xf numFmtId="38" fontId="6" fillId="0" borderId="18" xfId="1" applyFont="1" applyBorder="1"/>
    <xf numFmtId="38" fontId="4" fillId="0" borderId="36" xfId="1" applyFont="1" applyBorder="1"/>
    <xf numFmtId="38" fontId="6" fillId="0" borderId="37" xfId="1" applyFont="1" applyBorder="1" applyAlignment="1" applyProtection="1">
      <alignment horizontal="left" vertical="center"/>
    </xf>
    <xf numFmtId="40" fontId="4" fillId="0" borderId="16" xfId="2" applyNumberFormat="1" applyFont="1" applyBorder="1"/>
    <xf numFmtId="40" fontId="4" fillId="0" borderId="16" xfId="1" applyNumberFormat="1" applyFont="1" applyBorder="1"/>
    <xf numFmtId="38" fontId="4" fillId="0" borderId="17" xfId="1" applyFont="1" applyBorder="1"/>
    <xf numFmtId="40" fontId="4" fillId="0" borderId="15" xfId="1" applyNumberFormat="1" applyFont="1" applyBorder="1"/>
    <xf numFmtId="38" fontId="4" fillId="0" borderId="8" xfId="2" applyFont="1" applyBorder="1" applyAlignment="1" applyProtection="1">
      <alignment horizontal="center" vertical="center"/>
    </xf>
    <xf numFmtId="38" fontId="4" fillId="0" borderId="8" xfId="1" applyFont="1" applyBorder="1" applyAlignment="1" applyProtection="1">
      <alignment horizontal="center" vertical="center"/>
    </xf>
    <xf numFmtId="38" fontId="4" fillId="0" borderId="19" xfId="1" applyFont="1" applyBorder="1" applyAlignment="1" applyProtection="1">
      <alignment horizontal="center" vertical="center"/>
    </xf>
    <xf numFmtId="38" fontId="4" fillId="0" borderId="16" xfId="2" applyFont="1" applyBorder="1" applyAlignment="1">
      <alignment horizontal="right"/>
    </xf>
    <xf numFmtId="38" fontId="4" fillId="0" borderId="16" xfId="1" applyFont="1" applyBorder="1" applyAlignment="1">
      <alignment horizontal="right"/>
    </xf>
    <xf numFmtId="38" fontId="6" fillId="0" borderId="18" xfId="1" applyFont="1" applyBorder="1" applyAlignment="1" applyProtection="1">
      <alignment horizontal="left" vertical="center"/>
    </xf>
    <xf numFmtId="38" fontId="4" fillId="0" borderId="24" xfId="2" applyFont="1" applyBorder="1" applyAlignment="1" applyProtection="1">
      <alignment horizontal="center" vertical="center"/>
    </xf>
    <xf numFmtId="38" fontId="4" fillId="0" borderId="24" xfId="1" applyFont="1" applyBorder="1" applyAlignment="1" applyProtection="1">
      <alignment horizontal="center" vertical="center"/>
    </xf>
    <xf numFmtId="38" fontId="4" fillId="0" borderId="25" xfId="1" applyFont="1" applyBorder="1" applyAlignment="1" applyProtection="1">
      <alignment horizontal="center" vertical="center"/>
    </xf>
    <xf numFmtId="38" fontId="6" fillId="0" borderId="38" xfId="1" applyFont="1" applyBorder="1" applyAlignment="1" applyProtection="1">
      <alignment horizontal="left" vertical="center"/>
    </xf>
    <xf numFmtId="38" fontId="4" fillId="0" borderId="31" xfId="2" applyFont="1" applyBorder="1" applyAlignment="1" applyProtection="1">
      <alignment horizontal="center" vertical="center"/>
    </xf>
    <xf numFmtId="38" fontId="4" fillId="0" borderId="31" xfId="1" applyFont="1" applyBorder="1" applyAlignment="1" applyProtection="1">
      <alignment horizontal="center" vertical="center"/>
    </xf>
    <xf numFmtId="38" fontId="4" fillId="0" borderId="32" xfId="1" applyFont="1" applyBorder="1" applyAlignment="1" applyProtection="1">
      <alignment horizontal="center" vertical="center"/>
    </xf>
    <xf numFmtId="38" fontId="4" fillId="0" borderId="41" xfId="1" applyFont="1" applyBorder="1" applyAlignment="1" applyProtection="1">
      <alignment horizontal="center" vertical="center"/>
    </xf>
    <xf numFmtId="40" fontId="4" fillId="0" borderId="31" xfId="2" applyNumberFormat="1" applyFont="1" applyFill="1" applyBorder="1"/>
    <xf numFmtId="40" fontId="4" fillId="0" borderId="31" xfId="1" applyNumberFormat="1" applyFont="1" applyFill="1" applyBorder="1"/>
    <xf numFmtId="38" fontId="4" fillId="0" borderId="42" xfId="2" applyFont="1" applyBorder="1" applyAlignment="1" applyProtection="1">
      <alignment horizontal="center" vertical="center"/>
    </xf>
    <xf numFmtId="38" fontId="4" fillId="0" borderId="42" xfId="1" applyFont="1" applyBorder="1" applyAlignment="1" applyProtection="1">
      <alignment horizontal="center" vertical="center"/>
    </xf>
    <xf numFmtId="38" fontId="4" fillId="0" borderId="43" xfId="2" applyFont="1" applyBorder="1" applyAlignment="1">
      <alignment horizontal="right"/>
    </xf>
    <xf numFmtId="38" fontId="4" fillId="0" borderId="43" xfId="1" applyFont="1" applyBorder="1" applyAlignment="1">
      <alignment horizontal="right"/>
    </xf>
    <xf numFmtId="40" fontId="4" fillId="0" borderId="46" xfId="2" applyNumberFormat="1" applyFont="1" applyBorder="1"/>
    <xf numFmtId="40" fontId="4" fillId="0" borderId="46" xfId="1" applyNumberFormat="1" applyFont="1" applyBorder="1"/>
    <xf numFmtId="38" fontId="4" fillId="0" borderId="47" xfId="1" applyFont="1" applyBorder="1" applyAlignment="1" applyProtection="1">
      <alignment horizontal="center" vertical="center"/>
    </xf>
    <xf numFmtId="40" fontId="4" fillId="0" borderId="45" xfId="1" applyNumberFormat="1" applyFont="1" applyBorder="1"/>
    <xf numFmtId="38" fontId="4" fillId="0" borderId="46" xfId="2" applyFont="1" applyBorder="1" applyAlignment="1">
      <alignment horizontal="right"/>
    </xf>
    <xf numFmtId="38" fontId="4" fillId="0" borderId="46" xfId="1" applyFont="1" applyBorder="1" applyAlignment="1">
      <alignment horizontal="right"/>
    </xf>
    <xf numFmtId="40" fontId="4" fillId="0" borderId="0" xfId="1" applyNumberFormat="1" applyFont="1"/>
    <xf numFmtId="38" fontId="5" fillId="0" borderId="0" xfId="1" applyFont="1"/>
    <xf numFmtId="38" fontId="4" fillId="0" borderId="0" xfId="1" applyFont="1" applyAlignment="1">
      <alignment horizontal="right"/>
    </xf>
    <xf numFmtId="38" fontId="4" fillId="0" borderId="0" xfId="1" applyFont="1" applyBorder="1"/>
    <xf numFmtId="38" fontId="5" fillId="0" borderId="0" xfId="1" applyFont="1" applyBorder="1"/>
    <xf numFmtId="38" fontId="5" fillId="0" borderId="0" xfId="1" applyFont="1" applyBorder="1" applyAlignment="1">
      <alignment horizontal="centerContinuous"/>
    </xf>
    <xf numFmtId="38" fontId="4" fillId="0" borderId="0" xfId="1" applyFont="1" applyBorder="1" applyAlignment="1"/>
    <xf numFmtId="38" fontId="4" fillId="0" borderId="0" xfId="1" applyFont="1" applyBorder="1" applyAlignment="1" applyProtection="1">
      <alignment vertical="center"/>
    </xf>
    <xf numFmtId="38" fontId="5" fillId="0" borderId="0" xfId="1" applyFont="1" applyBorder="1" applyAlignment="1" applyProtection="1">
      <alignment horizontal="centerContinuous" vertical="center"/>
    </xf>
    <xf numFmtId="40" fontId="4" fillId="0" borderId="0" xfId="1" applyNumberFormat="1" applyFont="1" applyBorder="1" applyAlignment="1">
      <alignment horizontal="center"/>
    </xf>
    <xf numFmtId="38" fontId="4" fillId="0" borderId="0" xfId="1" applyFont="1" applyBorder="1" applyAlignment="1">
      <alignment horizontal="center"/>
    </xf>
    <xf numFmtId="38" fontId="4" fillId="0" borderId="0" xfId="1" quotePrefix="1" applyFont="1" applyBorder="1" applyAlignment="1">
      <alignment horizontal="center"/>
    </xf>
    <xf numFmtId="38" fontId="5" fillId="0" borderId="0" xfId="1" quotePrefix="1" applyFont="1" applyBorder="1" applyAlignment="1">
      <alignment horizontal="left"/>
    </xf>
    <xf numFmtId="38" fontId="4" fillId="0" borderId="0" xfId="1" applyFont="1" applyBorder="1" applyAlignment="1">
      <alignment horizontal="right"/>
    </xf>
    <xf numFmtId="38" fontId="5" fillId="0" borderId="0" xfId="1" applyFont="1" applyBorder="1" applyAlignment="1" applyProtection="1">
      <alignment vertical="center"/>
    </xf>
    <xf numFmtId="38" fontId="4" fillId="0" borderId="0" xfId="1" applyFont="1" applyBorder="1" applyAlignment="1" applyProtection="1">
      <alignment horizontal="left" vertical="center"/>
    </xf>
    <xf numFmtId="38" fontId="5" fillId="0" borderId="0" xfId="1" applyFont="1" applyBorder="1" applyAlignment="1" applyProtection="1">
      <alignment horizontal="left" vertical="center"/>
    </xf>
    <xf numFmtId="40" fontId="4" fillId="0" borderId="0" xfId="1" applyNumberFormat="1" applyFont="1" applyBorder="1"/>
    <xf numFmtId="38" fontId="4" fillId="0" borderId="0" xfId="1" applyFont="1" applyBorder="1" applyAlignment="1">
      <alignment horizontal="centerContinuous" vertical="center"/>
    </xf>
    <xf numFmtId="38" fontId="4" fillId="0" borderId="0" xfId="1" applyFont="1" applyBorder="1" applyAlignment="1" applyProtection="1">
      <alignment horizontal="centerContinuous" vertical="center"/>
    </xf>
    <xf numFmtId="38" fontId="4" fillId="0" borderId="39" xfId="1" applyFont="1" applyBorder="1" applyAlignment="1">
      <alignment horizontal="distributed" vertical="center" justifyLastLine="1"/>
    </xf>
    <xf numFmtId="0" fontId="0" fillId="0" borderId="40" xfId="0" applyBorder="1" applyAlignment="1">
      <alignment horizontal="distributed" vertical="center" justifyLastLine="1"/>
    </xf>
    <xf numFmtId="38" fontId="4" fillId="0" borderId="44" xfId="1" applyFont="1" applyBorder="1" applyAlignment="1">
      <alignment horizontal="distributed" vertical="center" justifyLastLine="1"/>
    </xf>
    <xf numFmtId="0" fontId="0" fillId="0" borderId="45" xfId="0" applyBorder="1" applyAlignment="1">
      <alignment horizontal="distributed" vertical="center" justifyLastLine="1"/>
    </xf>
    <xf numFmtId="38" fontId="4" fillId="0" borderId="1" xfId="1" applyFont="1" applyBorder="1" applyAlignment="1">
      <alignment horizontal="distributed" vertical="center" justifyLastLine="1"/>
    </xf>
    <xf numFmtId="38" fontId="4" fillId="0" borderId="2" xfId="1" applyFont="1" applyBorder="1" applyAlignment="1">
      <alignment horizontal="distributed" vertical="center" justifyLastLine="1"/>
    </xf>
    <xf numFmtId="38" fontId="4" fillId="0" borderId="6" xfId="1" applyFont="1" applyBorder="1" applyAlignment="1">
      <alignment horizontal="distributed" vertical="center" justifyLastLine="1"/>
    </xf>
    <xf numFmtId="38" fontId="4" fillId="0" borderId="7" xfId="1" applyFont="1" applyBorder="1" applyAlignment="1">
      <alignment horizontal="distributed" vertical="center" justifyLastLine="1"/>
    </xf>
    <xf numFmtId="38" fontId="4" fillId="0" borderId="14" xfId="1" applyFont="1" applyBorder="1" applyAlignment="1">
      <alignment horizontal="distributed" vertical="center" justifyLastLine="1"/>
    </xf>
    <xf numFmtId="38" fontId="4" fillId="0" borderId="15" xfId="1" applyFont="1" applyBorder="1" applyAlignment="1">
      <alignment horizontal="distributed" vertical="center" justifyLastLine="1"/>
    </xf>
    <xf numFmtId="38" fontId="4" fillId="0" borderId="3" xfId="1" applyFont="1" applyBorder="1" applyAlignment="1">
      <alignment horizontal="center" justifyLastLine="1"/>
    </xf>
    <xf numFmtId="38" fontId="4" fillId="0" borderId="5" xfId="1" applyFont="1" applyBorder="1" applyAlignment="1">
      <alignment horizontal="center" justifyLastLine="1"/>
    </xf>
    <xf numFmtId="176" fontId="4" fillId="0" borderId="26" xfId="1" applyNumberFormat="1" applyFont="1" applyBorder="1"/>
    <xf numFmtId="176" fontId="4" fillId="0" borderId="33" xfId="1" applyNumberFormat="1" applyFont="1" applyBorder="1"/>
    <xf numFmtId="176" fontId="4" fillId="0" borderId="7" xfId="1" applyNumberFormat="1" applyFont="1" applyBorder="1" applyAlignment="1" applyProtection="1">
      <alignment horizontal="center" vertical="center"/>
    </xf>
    <xf numFmtId="176" fontId="4" fillId="0" borderId="26" xfId="1" applyNumberFormat="1" applyFont="1" applyBorder="1" applyAlignment="1" applyProtection="1">
      <alignment horizontal="center" vertical="center"/>
    </xf>
    <xf numFmtId="176" fontId="4" fillId="0" borderId="33" xfId="1" applyNumberFormat="1" applyFont="1" applyBorder="1" applyAlignment="1" applyProtection="1">
      <alignment horizontal="center" vertical="center"/>
    </xf>
    <xf numFmtId="176" fontId="4" fillId="0" borderId="40" xfId="1" applyNumberFormat="1" applyFont="1" applyBorder="1" applyAlignment="1" applyProtection="1">
      <alignment horizontal="center" vertical="center"/>
    </xf>
    <xf numFmtId="176" fontId="4" fillId="0" borderId="45" xfId="1" applyNumberFormat="1" applyFont="1" applyBorder="1"/>
    <xf numFmtId="4" fontId="4" fillId="0" borderId="26" xfId="1" applyNumberFormat="1" applyFont="1" applyBorder="1"/>
    <xf numFmtId="4" fontId="4" fillId="0" borderId="33" xfId="1" applyNumberFormat="1" applyFont="1" applyBorder="1"/>
    <xf numFmtId="4" fontId="4" fillId="0" borderId="15" xfId="1" applyNumberFormat="1" applyFont="1" applyBorder="1"/>
    <xf numFmtId="4" fontId="4" fillId="0" borderId="45" xfId="1" applyNumberFormat="1" applyFont="1" applyBorder="1"/>
    <xf numFmtId="177" fontId="4" fillId="0" borderId="27" xfId="1" applyNumberFormat="1" applyFont="1" applyBorder="1"/>
    <xf numFmtId="177" fontId="4" fillId="0" borderId="34" xfId="1" applyNumberFormat="1" applyFont="1" applyBorder="1"/>
    <xf numFmtId="177" fontId="4" fillId="0" borderId="21" xfId="1" applyNumberFormat="1" applyFont="1" applyBorder="1"/>
    <xf numFmtId="177" fontId="4" fillId="0" borderId="48" xfId="1" applyNumberFormat="1" applyFont="1" applyBorder="1"/>
  </cellXfs>
  <cellStyles count="3">
    <cellStyle name="桁区切り" xfId="1" builtinId="6"/>
    <cellStyle name="桁区切り 2" xfId="2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177"/>
  <sheetViews>
    <sheetView tabSelected="1" view="pageBreakPreview" zoomScaleNormal="100" workbookViewId="0">
      <selection activeCell="J1" sqref="J1"/>
    </sheetView>
  </sheetViews>
  <sheetFormatPr defaultRowHeight="11.25" x14ac:dyDescent="0.15"/>
  <cols>
    <col min="1" max="1" width="3.625" style="36" customWidth="1"/>
    <col min="2" max="2" width="10" style="36" customWidth="1"/>
    <col min="3" max="3" width="8.5" style="82" hidden="1" customWidth="1"/>
    <col min="4" max="4" width="8.75" style="36" customWidth="1"/>
    <col min="5" max="5" width="3.625" style="36" customWidth="1"/>
    <col min="6" max="6" width="6.5" style="36" customWidth="1"/>
    <col min="7" max="7" width="6.875" style="82" hidden="1" customWidth="1"/>
    <col min="8" max="8" width="8.75" style="36" customWidth="1"/>
    <col min="9" max="9" width="3.625" style="36" customWidth="1"/>
    <col min="10" max="10" width="6.625" style="36" customWidth="1"/>
    <col min="11" max="11" width="7.5" style="82" hidden="1" customWidth="1"/>
    <col min="12" max="12" width="8.75" style="36" customWidth="1"/>
    <col min="13" max="13" width="3.625" style="36" customWidth="1"/>
    <col min="14" max="14" width="6.625" style="36" customWidth="1"/>
    <col min="15" max="15" width="8" style="82" hidden="1" customWidth="1"/>
    <col min="16" max="16" width="8.75" style="83" customWidth="1"/>
    <col min="17" max="17" width="3.625" style="36" customWidth="1"/>
    <col min="18" max="18" width="6.625" style="36" customWidth="1"/>
    <col min="19" max="16384" width="9" style="36"/>
  </cols>
  <sheetData>
    <row r="1" spans="1:19" s="2" customFormat="1" ht="14.1" customHeight="1" x14ac:dyDescent="0.15">
      <c r="A1" s="1" t="s">
        <v>0</v>
      </c>
      <c r="C1" s="3"/>
      <c r="G1" s="3"/>
      <c r="K1" s="3"/>
      <c r="O1" s="3"/>
      <c r="P1" s="4"/>
    </row>
    <row r="2" spans="1:19" s="2" customFormat="1" ht="10.5" customHeight="1" thickBot="1" x14ac:dyDescent="0.2">
      <c r="C2" s="3"/>
      <c r="G2" s="3"/>
      <c r="K2" s="3"/>
      <c r="O2" s="3"/>
      <c r="P2" s="4"/>
    </row>
    <row r="3" spans="1:19" s="8" customFormat="1" ht="15" customHeight="1" x14ac:dyDescent="0.15">
      <c r="A3" s="105" t="s">
        <v>1</v>
      </c>
      <c r="B3" s="106"/>
      <c r="C3" s="5"/>
      <c r="D3" s="111" t="s">
        <v>2</v>
      </c>
      <c r="E3" s="111"/>
      <c r="F3" s="111"/>
      <c r="G3" s="6"/>
      <c r="H3" s="111" t="s">
        <v>3</v>
      </c>
      <c r="I3" s="111"/>
      <c r="J3" s="111"/>
      <c r="K3" s="6"/>
      <c r="L3" s="111" t="s">
        <v>4</v>
      </c>
      <c r="M3" s="111"/>
      <c r="N3" s="111"/>
      <c r="O3" s="7"/>
      <c r="P3" s="111" t="s">
        <v>5</v>
      </c>
      <c r="Q3" s="111"/>
      <c r="R3" s="112"/>
    </row>
    <row r="4" spans="1:19" s="8" customFormat="1" ht="12.75" customHeight="1" x14ac:dyDescent="0.15">
      <c r="A4" s="107"/>
      <c r="B4" s="108"/>
      <c r="C4" s="9" t="s">
        <v>6</v>
      </c>
      <c r="D4" s="10" t="s">
        <v>7</v>
      </c>
      <c r="E4" s="11" t="s">
        <v>8</v>
      </c>
      <c r="F4" s="12" t="s">
        <v>9</v>
      </c>
      <c r="G4" s="13" t="s">
        <v>6</v>
      </c>
      <c r="H4" s="14" t="s">
        <v>7</v>
      </c>
      <c r="I4" s="11" t="s">
        <v>8</v>
      </c>
      <c r="J4" s="12" t="s">
        <v>10</v>
      </c>
      <c r="K4" s="13" t="s">
        <v>6</v>
      </c>
      <c r="L4" s="10" t="s">
        <v>7</v>
      </c>
      <c r="M4" s="11" t="s">
        <v>8</v>
      </c>
      <c r="N4" s="12" t="s">
        <v>10</v>
      </c>
      <c r="O4" s="15" t="s">
        <v>6</v>
      </c>
      <c r="P4" s="16" t="s">
        <v>11</v>
      </c>
      <c r="Q4" s="11" t="s">
        <v>8</v>
      </c>
      <c r="R4" s="17" t="s">
        <v>10</v>
      </c>
      <c r="S4" s="18"/>
    </row>
    <row r="5" spans="1:19" s="8" customFormat="1" ht="12.75" customHeight="1" x14ac:dyDescent="0.15">
      <c r="A5" s="109"/>
      <c r="B5" s="110"/>
      <c r="C5" s="19" t="s">
        <v>12</v>
      </c>
      <c r="D5" s="20" t="s">
        <v>13</v>
      </c>
      <c r="E5" s="21" t="s">
        <v>14</v>
      </c>
      <c r="F5" s="22" t="s">
        <v>15</v>
      </c>
      <c r="G5" s="23" t="s">
        <v>12</v>
      </c>
      <c r="H5" s="20" t="s">
        <v>13</v>
      </c>
      <c r="I5" s="24" t="s">
        <v>14</v>
      </c>
      <c r="J5" s="22" t="s">
        <v>15</v>
      </c>
      <c r="K5" s="23" t="s">
        <v>12</v>
      </c>
      <c r="L5" s="10" t="s">
        <v>13</v>
      </c>
      <c r="M5" s="24" t="s">
        <v>14</v>
      </c>
      <c r="N5" s="22" t="s">
        <v>15</v>
      </c>
      <c r="O5" s="25" t="s">
        <v>12</v>
      </c>
      <c r="P5" s="26" t="s">
        <v>16</v>
      </c>
      <c r="Q5" s="24" t="s">
        <v>14</v>
      </c>
      <c r="R5" s="27" t="s">
        <v>15</v>
      </c>
    </row>
    <row r="6" spans="1:19" ht="18" customHeight="1" x14ac:dyDescent="0.15">
      <c r="A6" s="28">
        <v>1</v>
      </c>
      <c r="B6" s="29" t="s">
        <v>17</v>
      </c>
      <c r="C6" s="30">
        <v>98.43</v>
      </c>
      <c r="D6" s="31">
        <v>99.11</v>
      </c>
      <c r="E6" s="32">
        <v>3</v>
      </c>
      <c r="F6" s="33">
        <v>0.68</v>
      </c>
      <c r="G6" s="30">
        <v>1.57</v>
      </c>
      <c r="H6" s="31">
        <v>0.89</v>
      </c>
      <c r="I6" s="32">
        <v>31</v>
      </c>
      <c r="J6" s="113">
        <v>-0.68</v>
      </c>
      <c r="K6" s="30">
        <v>39.26</v>
      </c>
      <c r="L6" s="31">
        <v>40.47</v>
      </c>
      <c r="M6" s="32">
        <v>29</v>
      </c>
      <c r="N6" s="120">
        <v>1.21</v>
      </c>
      <c r="O6" s="34">
        <v>1667</v>
      </c>
      <c r="P6" s="35">
        <v>1574</v>
      </c>
      <c r="Q6" s="32">
        <v>22</v>
      </c>
      <c r="R6" s="124">
        <v>-93</v>
      </c>
    </row>
    <row r="7" spans="1:19" ht="18" customHeight="1" x14ac:dyDescent="0.15">
      <c r="A7" s="37">
        <v>2</v>
      </c>
      <c r="B7" s="29" t="s">
        <v>18</v>
      </c>
      <c r="C7" s="30">
        <v>98.15</v>
      </c>
      <c r="D7" s="31">
        <v>98.84</v>
      </c>
      <c r="E7" s="32">
        <v>4</v>
      </c>
      <c r="F7" s="33">
        <v>0.69</v>
      </c>
      <c r="G7" s="30">
        <v>1.85</v>
      </c>
      <c r="H7" s="31">
        <v>1.1599999999999999</v>
      </c>
      <c r="I7" s="32">
        <v>29</v>
      </c>
      <c r="J7" s="113">
        <v>-0.69</v>
      </c>
      <c r="K7" s="30">
        <v>33.880000000000003</v>
      </c>
      <c r="L7" s="31">
        <v>35.229999999999997</v>
      </c>
      <c r="M7" s="32">
        <v>33</v>
      </c>
      <c r="N7" s="120">
        <v>1.35</v>
      </c>
      <c r="O7" s="34">
        <v>1994</v>
      </c>
      <c r="P7" s="35">
        <v>2011</v>
      </c>
      <c r="Q7" s="32">
        <v>14</v>
      </c>
      <c r="R7" s="124">
        <v>17</v>
      </c>
    </row>
    <row r="8" spans="1:19" ht="18" customHeight="1" x14ac:dyDescent="0.15">
      <c r="A8" s="37">
        <v>3</v>
      </c>
      <c r="B8" s="29" t="s">
        <v>19</v>
      </c>
      <c r="C8" s="30">
        <v>97.74</v>
      </c>
      <c r="D8" s="31">
        <v>98.81</v>
      </c>
      <c r="E8" s="32">
        <v>7</v>
      </c>
      <c r="F8" s="33">
        <v>1.07</v>
      </c>
      <c r="G8" s="30">
        <v>2.2599999999999998</v>
      </c>
      <c r="H8" s="31">
        <v>1.19</v>
      </c>
      <c r="I8" s="32">
        <v>27</v>
      </c>
      <c r="J8" s="113">
        <v>-1.07</v>
      </c>
      <c r="K8" s="30">
        <v>44.13</v>
      </c>
      <c r="L8" s="31">
        <v>45.56</v>
      </c>
      <c r="M8" s="32">
        <v>10</v>
      </c>
      <c r="N8" s="120">
        <v>1.43</v>
      </c>
      <c r="O8" s="34">
        <v>2649</v>
      </c>
      <c r="P8" s="35">
        <v>2492</v>
      </c>
      <c r="Q8" s="32">
        <v>5</v>
      </c>
      <c r="R8" s="124">
        <v>-157</v>
      </c>
    </row>
    <row r="9" spans="1:19" ht="18" customHeight="1" x14ac:dyDescent="0.15">
      <c r="A9" s="37">
        <v>4</v>
      </c>
      <c r="B9" s="29" t="s">
        <v>20</v>
      </c>
      <c r="C9" s="30">
        <v>97.84</v>
      </c>
      <c r="D9" s="31">
        <v>98.77</v>
      </c>
      <c r="E9" s="32">
        <v>10</v>
      </c>
      <c r="F9" s="33">
        <v>0.93</v>
      </c>
      <c r="G9" s="30">
        <v>2.16</v>
      </c>
      <c r="H9" s="31">
        <v>1.23</v>
      </c>
      <c r="I9" s="32">
        <v>24</v>
      </c>
      <c r="J9" s="113">
        <v>-0.93</v>
      </c>
      <c r="K9" s="30">
        <v>40.700000000000003</v>
      </c>
      <c r="L9" s="31">
        <v>42.44</v>
      </c>
      <c r="M9" s="32">
        <v>23</v>
      </c>
      <c r="N9" s="120">
        <v>1.74</v>
      </c>
      <c r="O9" s="34">
        <v>2487</v>
      </c>
      <c r="P9" s="35">
        <v>2414</v>
      </c>
      <c r="Q9" s="32">
        <v>7</v>
      </c>
      <c r="R9" s="124">
        <v>-73</v>
      </c>
    </row>
    <row r="10" spans="1:19" ht="18" customHeight="1" x14ac:dyDescent="0.15">
      <c r="A10" s="37">
        <v>5</v>
      </c>
      <c r="B10" s="29" t="s">
        <v>21</v>
      </c>
      <c r="C10" s="30">
        <v>97.56</v>
      </c>
      <c r="D10" s="31">
        <v>98.47</v>
      </c>
      <c r="E10" s="32">
        <v>14</v>
      </c>
      <c r="F10" s="33">
        <v>0.91</v>
      </c>
      <c r="G10" s="30">
        <v>2.44</v>
      </c>
      <c r="H10" s="31">
        <v>1.53</v>
      </c>
      <c r="I10" s="32">
        <v>20</v>
      </c>
      <c r="J10" s="113">
        <v>-0.91</v>
      </c>
      <c r="K10" s="30">
        <v>42.87</v>
      </c>
      <c r="L10" s="31">
        <v>43.63</v>
      </c>
      <c r="M10" s="32">
        <v>17</v>
      </c>
      <c r="N10" s="120">
        <v>0.76</v>
      </c>
      <c r="O10" s="34">
        <v>2798</v>
      </c>
      <c r="P10" s="35">
        <v>2618</v>
      </c>
      <c r="Q10" s="32">
        <v>4</v>
      </c>
      <c r="R10" s="124">
        <v>-180</v>
      </c>
    </row>
    <row r="11" spans="1:19" ht="18" customHeight="1" x14ac:dyDescent="0.15">
      <c r="A11" s="37">
        <v>6</v>
      </c>
      <c r="B11" s="29" t="s">
        <v>22</v>
      </c>
      <c r="C11" s="30">
        <v>97.13</v>
      </c>
      <c r="D11" s="31">
        <v>98.43</v>
      </c>
      <c r="E11" s="32">
        <v>15</v>
      </c>
      <c r="F11" s="33">
        <v>1.3</v>
      </c>
      <c r="G11" s="30">
        <v>2.87</v>
      </c>
      <c r="H11" s="31">
        <v>1.57</v>
      </c>
      <c r="I11" s="32">
        <v>19</v>
      </c>
      <c r="J11" s="113">
        <v>-1.3</v>
      </c>
      <c r="K11" s="30">
        <v>39.39</v>
      </c>
      <c r="L11" s="31">
        <v>40.700000000000003</v>
      </c>
      <c r="M11" s="32">
        <v>27</v>
      </c>
      <c r="N11" s="120">
        <v>1.31</v>
      </c>
      <c r="O11" s="34">
        <v>2567</v>
      </c>
      <c r="P11" s="35">
        <v>2418</v>
      </c>
      <c r="Q11" s="32">
        <v>6</v>
      </c>
      <c r="R11" s="124">
        <v>-149</v>
      </c>
    </row>
    <row r="12" spans="1:19" ht="18" customHeight="1" x14ac:dyDescent="0.15">
      <c r="A12" s="37">
        <v>7</v>
      </c>
      <c r="B12" s="29" t="s">
        <v>23</v>
      </c>
      <c r="C12" s="30">
        <v>97.29</v>
      </c>
      <c r="D12" s="31">
        <v>98.28</v>
      </c>
      <c r="E12" s="32">
        <v>21</v>
      </c>
      <c r="F12" s="33">
        <v>0.99</v>
      </c>
      <c r="G12" s="30">
        <v>2.71</v>
      </c>
      <c r="H12" s="31">
        <v>1.72</v>
      </c>
      <c r="I12" s="32">
        <v>13</v>
      </c>
      <c r="J12" s="113">
        <v>-0.99</v>
      </c>
      <c r="K12" s="30">
        <v>41.41</v>
      </c>
      <c r="L12" s="31">
        <v>43.47</v>
      </c>
      <c r="M12" s="32">
        <v>20</v>
      </c>
      <c r="N12" s="120">
        <v>2.06</v>
      </c>
      <c r="O12" s="34">
        <v>2194</v>
      </c>
      <c r="P12" s="35">
        <v>2041</v>
      </c>
      <c r="Q12" s="32">
        <v>13</v>
      </c>
      <c r="R12" s="124">
        <v>-153</v>
      </c>
    </row>
    <row r="13" spans="1:19" ht="18" customHeight="1" x14ac:dyDescent="0.15">
      <c r="A13" s="37">
        <v>8</v>
      </c>
      <c r="B13" s="29" t="s">
        <v>24</v>
      </c>
      <c r="C13" s="30">
        <v>96.9</v>
      </c>
      <c r="D13" s="31">
        <v>98.38</v>
      </c>
      <c r="E13" s="32">
        <v>17</v>
      </c>
      <c r="F13" s="33">
        <v>1.48</v>
      </c>
      <c r="G13" s="30">
        <v>3.1</v>
      </c>
      <c r="H13" s="31">
        <v>1.62</v>
      </c>
      <c r="I13" s="32">
        <v>17</v>
      </c>
      <c r="J13" s="113">
        <v>-1.48</v>
      </c>
      <c r="K13" s="30">
        <v>40.98</v>
      </c>
      <c r="L13" s="31">
        <v>42.53</v>
      </c>
      <c r="M13" s="32">
        <v>21</v>
      </c>
      <c r="N13" s="120">
        <v>1.55</v>
      </c>
      <c r="O13" s="34">
        <v>2283</v>
      </c>
      <c r="P13" s="35">
        <v>2151</v>
      </c>
      <c r="Q13" s="32">
        <v>10</v>
      </c>
      <c r="R13" s="124">
        <v>-132</v>
      </c>
    </row>
    <row r="14" spans="1:19" ht="18" customHeight="1" x14ac:dyDescent="0.15">
      <c r="A14" s="37">
        <v>9</v>
      </c>
      <c r="B14" s="29" t="s">
        <v>25</v>
      </c>
      <c r="C14" s="30">
        <v>97.73</v>
      </c>
      <c r="D14" s="31">
        <v>98.8</v>
      </c>
      <c r="E14" s="32">
        <v>8</v>
      </c>
      <c r="F14" s="33">
        <v>1.07</v>
      </c>
      <c r="G14" s="30">
        <v>2.27</v>
      </c>
      <c r="H14" s="31">
        <v>1.2</v>
      </c>
      <c r="I14" s="32">
        <v>25</v>
      </c>
      <c r="J14" s="113">
        <v>-1.07</v>
      </c>
      <c r="K14" s="30">
        <v>43.18</v>
      </c>
      <c r="L14" s="31">
        <v>43.63</v>
      </c>
      <c r="M14" s="32">
        <v>17</v>
      </c>
      <c r="N14" s="120">
        <v>0.45</v>
      </c>
      <c r="O14" s="34">
        <v>2232</v>
      </c>
      <c r="P14" s="35">
        <v>1851</v>
      </c>
      <c r="Q14" s="32">
        <v>17</v>
      </c>
      <c r="R14" s="124">
        <v>-381</v>
      </c>
    </row>
    <row r="15" spans="1:19" ht="18" customHeight="1" x14ac:dyDescent="0.15">
      <c r="A15" s="37">
        <v>10</v>
      </c>
      <c r="B15" s="29" t="s">
        <v>26</v>
      </c>
      <c r="C15" s="30">
        <v>98.09</v>
      </c>
      <c r="D15" s="31">
        <v>98.71</v>
      </c>
      <c r="E15" s="32">
        <v>11</v>
      </c>
      <c r="F15" s="33">
        <v>0.62</v>
      </c>
      <c r="G15" s="30">
        <v>1.91</v>
      </c>
      <c r="H15" s="31">
        <v>1.29</v>
      </c>
      <c r="I15" s="32">
        <v>23</v>
      </c>
      <c r="J15" s="113">
        <v>-0.62</v>
      </c>
      <c r="K15" s="30">
        <v>38.68</v>
      </c>
      <c r="L15" s="31">
        <v>40.18</v>
      </c>
      <c r="M15" s="32">
        <v>31</v>
      </c>
      <c r="N15" s="120">
        <v>1.5</v>
      </c>
      <c r="O15" s="34">
        <v>3430</v>
      </c>
      <c r="P15" s="35">
        <v>3094</v>
      </c>
      <c r="Q15" s="32">
        <v>2</v>
      </c>
      <c r="R15" s="124">
        <v>-336</v>
      </c>
    </row>
    <row r="16" spans="1:19" ht="18" customHeight="1" x14ac:dyDescent="0.15">
      <c r="A16" s="37">
        <v>11</v>
      </c>
      <c r="B16" s="29" t="s">
        <v>27</v>
      </c>
      <c r="C16" s="30">
        <v>97.09</v>
      </c>
      <c r="D16" s="31">
        <v>98.18</v>
      </c>
      <c r="E16" s="32">
        <v>23</v>
      </c>
      <c r="F16" s="33">
        <v>1.0900000000000001</v>
      </c>
      <c r="G16" s="30">
        <v>2.91</v>
      </c>
      <c r="H16" s="31">
        <v>1.82</v>
      </c>
      <c r="I16" s="32">
        <v>11</v>
      </c>
      <c r="J16" s="113">
        <v>-1.0900000000000001</v>
      </c>
      <c r="K16" s="30">
        <v>39.369999999999997</v>
      </c>
      <c r="L16" s="31">
        <v>41.14</v>
      </c>
      <c r="M16" s="32">
        <v>24</v>
      </c>
      <c r="N16" s="120">
        <v>1.77</v>
      </c>
      <c r="O16" s="34">
        <v>1616</v>
      </c>
      <c r="P16" s="35">
        <v>1670</v>
      </c>
      <c r="Q16" s="32">
        <v>21</v>
      </c>
      <c r="R16" s="124">
        <v>54</v>
      </c>
    </row>
    <row r="17" spans="1:18" ht="18" customHeight="1" x14ac:dyDescent="0.15">
      <c r="A17" s="37">
        <v>12</v>
      </c>
      <c r="B17" s="29" t="s">
        <v>28</v>
      </c>
      <c r="C17" s="30">
        <v>96.4</v>
      </c>
      <c r="D17" s="31">
        <v>97.92</v>
      </c>
      <c r="E17" s="32">
        <v>27</v>
      </c>
      <c r="F17" s="33">
        <v>1.52</v>
      </c>
      <c r="G17" s="30">
        <v>3.6</v>
      </c>
      <c r="H17" s="31">
        <v>2.08</v>
      </c>
      <c r="I17" s="32">
        <v>7</v>
      </c>
      <c r="J17" s="113">
        <v>-1.52</v>
      </c>
      <c r="K17" s="30">
        <v>44.59</v>
      </c>
      <c r="L17" s="31">
        <v>47.1</v>
      </c>
      <c r="M17" s="32">
        <v>6</v>
      </c>
      <c r="N17" s="120">
        <v>2.5099999999999998</v>
      </c>
      <c r="O17" s="34">
        <v>3805</v>
      </c>
      <c r="P17" s="35">
        <v>3551</v>
      </c>
      <c r="Q17" s="32">
        <v>1</v>
      </c>
      <c r="R17" s="124">
        <v>-254</v>
      </c>
    </row>
    <row r="18" spans="1:18" ht="18" customHeight="1" x14ac:dyDescent="0.15">
      <c r="A18" s="37">
        <v>13</v>
      </c>
      <c r="B18" s="29" t="s">
        <v>29</v>
      </c>
      <c r="C18" s="30">
        <v>96.94</v>
      </c>
      <c r="D18" s="31">
        <v>98.21</v>
      </c>
      <c r="E18" s="32">
        <v>22</v>
      </c>
      <c r="F18" s="33">
        <v>1.27</v>
      </c>
      <c r="G18" s="30">
        <v>3.06</v>
      </c>
      <c r="H18" s="31">
        <v>1.79</v>
      </c>
      <c r="I18" s="32">
        <v>12</v>
      </c>
      <c r="J18" s="113">
        <v>-1.27</v>
      </c>
      <c r="K18" s="30">
        <v>38.979999999999997</v>
      </c>
      <c r="L18" s="31">
        <v>40.619999999999997</v>
      </c>
      <c r="M18" s="32">
        <v>28</v>
      </c>
      <c r="N18" s="120">
        <v>1.64</v>
      </c>
      <c r="O18" s="34">
        <v>2361</v>
      </c>
      <c r="P18" s="35">
        <v>2301</v>
      </c>
      <c r="Q18" s="32">
        <v>8</v>
      </c>
      <c r="R18" s="124">
        <v>-60</v>
      </c>
    </row>
    <row r="19" spans="1:18" ht="18" customHeight="1" x14ac:dyDescent="0.15">
      <c r="A19" s="37">
        <v>14</v>
      </c>
      <c r="B19" s="29" t="s">
        <v>30</v>
      </c>
      <c r="C19" s="30">
        <v>98.08</v>
      </c>
      <c r="D19" s="31">
        <v>98.82</v>
      </c>
      <c r="E19" s="32">
        <v>6</v>
      </c>
      <c r="F19" s="33">
        <v>0.74</v>
      </c>
      <c r="G19" s="30">
        <v>1.92</v>
      </c>
      <c r="H19" s="31">
        <v>1.18</v>
      </c>
      <c r="I19" s="32">
        <v>28</v>
      </c>
      <c r="J19" s="113">
        <v>-0.74</v>
      </c>
      <c r="K19" s="30">
        <v>37.619999999999997</v>
      </c>
      <c r="L19" s="31">
        <v>38.950000000000003</v>
      </c>
      <c r="M19" s="32">
        <v>32</v>
      </c>
      <c r="N19" s="120">
        <v>1.33</v>
      </c>
      <c r="O19" s="34">
        <v>2448</v>
      </c>
      <c r="P19" s="35">
        <v>2281</v>
      </c>
      <c r="Q19" s="32">
        <v>9</v>
      </c>
      <c r="R19" s="124">
        <v>-167</v>
      </c>
    </row>
    <row r="20" spans="1:18" ht="18" customHeight="1" x14ac:dyDescent="0.15">
      <c r="A20" s="37">
        <v>15</v>
      </c>
      <c r="B20" s="29" t="s">
        <v>31</v>
      </c>
      <c r="C20" s="30">
        <v>96.41</v>
      </c>
      <c r="D20" s="31">
        <v>97.93</v>
      </c>
      <c r="E20" s="32">
        <v>26</v>
      </c>
      <c r="F20" s="33">
        <v>1.52</v>
      </c>
      <c r="G20" s="30">
        <v>3.59</v>
      </c>
      <c r="H20" s="31">
        <v>2.0699999999999998</v>
      </c>
      <c r="I20" s="32">
        <v>8</v>
      </c>
      <c r="J20" s="113">
        <v>-1.52</v>
      </c>
      <c r="K20" s="30">
        <v>42.55</v>
      </c>
      <c r="L20" s="31">
        <v>44.43</v>
      </c>
      <c r="M20" s="32">
        <v>14</v>
      </c>
      <c r="N20" s="120">
        <v>1.88</v>
      </c>
      <c r="O20" s="34">
        <v>1814</v>
      </c>
      <c r="P20" s="35">
        <v>1808</v>
      </c>
      <c r="Q20" s="32">
        <v>18</v>
      </c>
      <c r="R20" s="124">
        <v>-6</v>
      </c>
    </row>
    <row r="21" spans="1:18" ht="18" customHeight="1" x14ac:dyDescent="0.15">
      <c r="A21" s="37">
        <v>16</v>
      </c>
      <c r="B21" s="29" t="s">
        <v>32</v>
      </c>
      <c r="C21" s="30">
        <v>97.46</v>
      </c>
      <c r="D21" s="31">
        <v>98.61</v>
      </c>
      <c r="E21" s="32">
        <v>13</v>
      </c>
      <c r="F21" s="33">
        <v>1.1499999999999999</v>
      </c>
      <c r="G21" s="30">
        <v>2.54</v>
      </c>
      <c r="H21" s="31">
        <v>1.39</v>
      </c>
      <c r="I21" s="32">
        <v>21</v>
      </c>
      <c r="J21" s="113">
        <v>-1.1499999999999999</v>
      </c>
      <c r="K21" s="30">
        <v>41.89</v>
      </c>
      <c r="L21" s="31">
        <v>43.56</v>
      </c>
      <c r="M21" s="32">
        <v>19</v>
      </c>
      <c r="N21" s="120">
        <v>1.67</v>
      </c>
      <c r="O21" s="34">
        <v>2067</v>
      </c>
      <c r="P21" s="35">
        <v>2064</v>
      </c>
      <c r="Q21" s="32">
        <v>12</v>
      </c>
      <c r="R21" s="124">
        <v>-3</v>
      </c>
    </row>
    <row r="22" spans="1:18" ht="18" customHeight="1" x14ac:dyDescent="0.15">
      <c r="A22" s="37">
        <v>17</v>
      </c>
      <c r="B22" s="29" t="s">
        <v>33</v>
      </c>
      <c r="C22" s="30">
        <v>96.96</v>
      </c>
      <c r="D22" s="31">
        <v>98.36</v>
      </c>
      <c r="E22" s="32">
        <v>19</v>
      </c>
      <c r="F22" s="33">
        <v>1.4</v>
      </c>
      <c r="G22" s="30">
        <v>3.04</v>
      </c>
      <c r="H22" s="31">
        <v>1.64</v>
      </c>
      <c r="I22" s="32">
        <v>15</v>
      </c>
      <c r="J22" s="113">
        <v>-1.4</v>
      </c>
      <c r="K22" s="30">
        <v>38.909999999999997</v>
      </c>
      <c r="L22" s="31">
        <v>40.450000000000003</v>
      </c>
      <c r="M22" s="32">
        <v>30</v>
      </c>
      <c r="N22" s="120">
        <v>1.54</v>
      </c>
      <c r="O22" s="34">
        <v>2046</v>
      </c>
      <c r="P22" s="35">
        <v>1917</v>
      </c>
      <c r="Q22" s="32">
        <v>16</v>
      </c>
      <c r="R22" s="124">
        <v>-129</v>
      </c>
    </row>
    <row r="23" spans="1:18" ht="18" customHeight="1" x14ac:dyDescent="0.15">
      <c r="A23" s="37">
        <v>18</v>
      </c>
      <c r="B23" s="29" t="s">
        <v>34</v>
      </c>
      <c r="C23" s="30">
        <v>96.47</v>
      </c>
      <c r="D23" s="31">
        <v>97.67</v>
      </c>
      <c r="E23" s="32">
        <v>30</v>
      </c>
      <c r="F23" s="33">
        <v>1.2</v>
      </c>
      <c r="G23" s="30">
        <v>3.53</v>
      </c>
      <c r="H23" s="31">
        <v>2.33</v>
      </c>
      <c r="I23" s="32">
        <v>4</v>
      </c>
      <c r="J23" s="113">
        <v>-1.2</v>
      </c>
      <c r="K23" s="30">
        <v>43.18</v>
      </c>
      <c r="L23" s="31">
        <v>45.91</v>
      </c>
      <c r="M23" s="32">
        <v>8</v>
      </c>
      <c r="N23" s="120">
        <v>2.73</v>
      </c>
      <c r="O23" s="34">
        <v>1528</v>
      </c>
      <c r="P23" s="35">
        <v>1403</v>
      </c>
      <c r="Q23" s="32">
        <v>24</v>
      </c>
      <c r="R23" s="124">
        <v>-125</v>
      </c>
    </row>
    <row r="24" spans="1:18" ht="18" customHeight="1" thickBot="1" x14ac:dyDescent="0.2">
      <c r="A24" s="38">
        <v>21</v>
      </c>
      <c r="B24" s="39" t="s">
        <v>35</v>
      </c>
      <c r="C24" s="40">
        <v>97.14</v>
      </c>
      <c r="D24" s="41">
        <v>98.37</v>
      </c>
      <c r="E24" s="42">
        <v>18</v>
      </c>
      <c r="F24" s="43">
        <v>1.23</v>
      </c>
      <c r="G24" s="40">
        <v>2.86</v>
      </c>
      <c r="H24" s="41">
        <v>1.63</v>
      </c>
      <c r="I24" s="42">
        <v>16</v>
      </c>
      <c r="J24" s="114">
        <v>-1.23</v>
      </c>
      <c r="K24" s="40">
        <v>41.04</v>
      </c>
      <c r="L24" s="41">
        <v>42.47</v>
      </c>
      <c r="M24" s="44">
        <v>22</v>
      </c>
      <c r="N24" s="121">
        <v>1.43</v>
      </c>
      <c r="O24" s="45">
        <v>2256</v>
      </c>
      <c r="P24" s="46">
        <v>2086</v>
      </c>
      <c r="Q24" s="42">
        <v>11</v>
      </c>
      <c r="R24" s="125">
        <v>-170</v>
      </c>
    </row>
    <row r="25" spans="1:18" ht="18" customHeight="1" thickTop="1" x14ac:dyDescent="0.15">
      <c r="A25" s="47">
        <v>19</v>
      </c>
      <c r="B25" s="48" t="s">
        <v>36</v>
      </c>
      <c r="C25" s="30">
        <v>97.72</v>
      </c>
      <c r="D25" s="31">
        <v>98.8</v>
      </c>
      <c r="E25" s="32">
        <v>8</v>
      </c>
      <c r="F25" s="33">
        <v>1.08</v>
      </c>
      <c r="G25" s="30">
        <v>2.2799999999999998</v>
      </c>
      <c r="H25" s="31">
        <v>1.2</v>
      </c>
      <c r="I25" s="32">
        <v>25</v>
      </c>
      <c r="J25" s="113">
        <v>-1.08</v>
      </c>
      <c r="K25" s="30">
        <v>40.29</v>
      </c>
      <c r="L25" s="31">
        <v>40.92</v>
      </c>
      <c r="M25" s="49">
        <v>26</v>
      </c>
      <c r="N25" s="120">
        <v>0.63</v>
      </c>
      <c r="O25" s="34">
        <v>1901</v>
      </c>
      <c r="P25" s="35">
        <v>1800</v>
      </c>
      <c r="Q25" s="32">
        <v>19</v>
      </c>
      <c r="R25" s="124">
        <v>-101</v>
      </c>
    </row>
    <row r="26" spans="1:18" ht="18" customHeight="1" x14ac:dyDescent="0.15">
      <c r="A26" s="37">
        <v>20</v>
      </c>
      <c r="B26" s="29" t="s">
        <v>37</v>
      </c>
      <c r="C26" s="30">
        <v>96.64</v>
      </c>
      <c r="D26" s="31">
        <v>98.39</v>
      </c>
      <c r="E26" s="32">
        <v>16</v>
      </c>
      <c r="F26" s="33">
        <v>1.75</v>
      </c>
      <c r="G26" s="30">
        <v>3.36</v>
      </c>
      <c r="H26" s="31">
        <v>1.61</v>
      </c>
      <c r="I26" s="32">
        <v>18</v>
      </c>
      <c r="J26" s="113">
        <v>-1.75</v>
      </c>
      <c r="K26" s="30">
        <v>42.32</v>
      </c>
      <c r="L26" s="31">
        <v>44.92</v>
      </c>
      <c r="M26" s="32">
        <v>12</v>
      </c>
      <c r="N26" s="120">
        <v>2.6</v>
      </c>
      <c r="O26" s="34">
        <v>1176</v>
      </c>
      <c r="P26" s="35">
        <v>1323</v>
      </c>
      <c r="Q26" s="32">
        <v>25</v>
      </c>
      <c r="R26" s="124">
        <v>147</v>
      </c>
    </row>
    <row r="27" spans="1:18" ht="18" customHeight="1" x14ac:dyDescent="0.15">
      <c r="A27" s="37">
        <v>22</v>
      </c>
      <c r="B27" s="29" t="s">
        <v>38</v>
      </c>
      <c r="C27" s="30">
        <v>97.22</v>
      </c>
      <c r="D27" s="31">
        <v>98.32</v>
      </c>
      <c r="E27" s="32">
        <v>20</v>
      </c>
      <c r="F27" s="33">
        <v>1.1000000000000001</v>
      </c>
      <c r="G27" s="30">
        <v>2.78</v>
      </c>
      <c r="H27" s="31">
        <v>1.68</v>
      </c>
      <c r="I27" s="32">
        <v>14</v>
      </c>
      <c r="J27" s="113">
        <v>-1.1000000000000001</v>
      </c>
      <c r="K27" s="30">
        <v>46.39</v>
      </c>
      <c r="L27" s="31">
        <v>47.59</v>
      </c>
      <c r="M27" s="32">
        <v>4</v>
      </c>
      <c r="N27" s="120">
        <v>1.2</v>
      </c>
      <c r="O27" s="34">
        <v>1317</v>
      </c>
      <c r="P27" s="35">
        <v>886</v>
      </c>
      <c r="Q27" s="32">
        <v>31</v>
      </c>
      <c r="R27" s="124">
        <v>-431</v>
      </c>
    </row>
    <row r="28" spans="1:18" ht="18" customHeight="1" x14ac:dyDescent="0.15">
      <c r="A28" s="37">
        <v>23</v>
      </c>
      <c r="B28" s="29" t="s">
        <v>39</v>
      </c>
      <c r="C28" s="30">
        <v>96.52</v>
      </c>
      <c r="D28" s="31">
        <v>97.83</v>
      </c>
      <c r="E28" s="32">
        <v>28</v>
      </c>
      <c r="F28" s="33">
        <v>1.31</v>
      </c>
      <c r="G28" s="30">
        <v>3.48</v>
      </c>
      <c r="H28" s="31">
        <v>2.17</v>
      </c>
      <c r="I28" s="32">
        <v>6</v>
      </c>
      <c r="J28" s="113">
        <v>-1.31</v>
      </c>
      <c r="K28" s="30">
        <v>47.36</v>
      </c>
      <c r="L28" s="31">
        <v>48.73</v>
      </c>
      <c r="M28" s="32">
        <v>3</v>
      </c>
      <c r="N28" s="120">
        <v>1.37</v>
      </c>
      <c r="O28" s="34">
        <v>1292</v>
      </c>
      <c r="P28" s="35">
        <v>1232</v>
      </c>
      <c r="Q28" s="32">
        <v>26</v>
      </c>
      <c r="R28" s="124">
        <v>-60</v>
      </c>
    </row>
    <row r="29" spans="1:18" ht="18" customHeight="1" x14ac:dyDescent="0.15">
      <c r="A29" s="37">
        <v>24</v>
      </c>
      <c r="B29" s="29" t="s">
        <v>40</v>
      </c>
      <c r="C29" s="30">
        <v>95.05</v>
      </c>
      <c r="D29" s="31">
        <v>97.7</v>
      </c>
      <c r="E29" s="32">
        <v>29</v>
      </c>
      <c r="F29" s="33">
        <v>2.65</v>
      </c>
      <c r="G29" s="30">
        <v>4.95</v>
      </c>
      <c r="H29" s="31">
        <v>2.2999999999999998</v>
      </c>
      <c r="I29" s="32">
        <v>5</v>
      </c>
      <c r="J29" s="113">
        <v>-2.65</v>
      </c>
      <c r="K29" s="30">
        <v>46.43</v>
      </c>
      <c r="L29" s="31">
        <v>49.1</v>
      </c>
      <c r="M29" s="32">
        <v>2</v>
      </c>
      <c r="N29" s="120">
        <v>2.67</v>
      </c>
      <c r="O29" s="34">
        <v>2970</v>
      </c>
      <c r="P29" s="35">
        <v>2831</v>
      </c>
      <c r="Q29" s="32">
        <v>3</v>
      </c>
      <c r="R29" s="124">
        <v>-139</v>
      </c>
    </row>
    <row r="30" spans="1:18" ht="18" customHeight="1" x14ac:dyDescent="0.15">
      <c r="A30" s="37">
        <v>25</v>
      </c>
      <c r="B30" s="29" t="s">
        <v>41</v>
      </c>
      <c r="C30" s="30">
        <v>96.47</v>
      </c>
      <c r="D30" s="31">
        <v>98.01</v>
      </c>
      <c r="E30" s="32">
        <v>24</v>
      </c>
      <c r="F30" s="33">
        <v>1.54</v>
      </c>
      <c r="G30" s="30">
        <v>3.53</v>
      </c>
      <c r="H30" s="31">
        <v>1.99</v>
      </c>
      <c r="I30" s="32">
        <v>10</v>
      </c>
      <c r="J30" s="113">
        <v>-1.54</v>
      </c>
      <c r="K30" s="30">
        <v>41.94</v>
      </c>
      <c r="L30" s="31">
        <v>43.93</v>
      </c>
      <c r="M30" s="32">
        <v>16</v>
      </c>
      <c r="N30" s="120">
        <v>1.99</v>
      </c>
      <c r="O30" s="34">
        <v>1522</v>
      </c>
      <c r="P30" s="35">
        <v>1421</v>
      </c>
      <c r="Q30" s="32">
        <v>23</v>
      </c>
      <c r="R30" s="124">
        <v>-101</v>
      </c>
    </row>
    <row r="31" spans="1:18" ht="18" customHeight="1" x14ac:dyDescent="0.15">
      <c r="A31" s="37">
        <v>26</v>
      </c>
      <c r="B31" s="29" t="s">
        <v>42</v>
      </c>
      <c r="C31" s="30">
        <v>95.09</v>
      </c>
      <c r="D31" s="31">
        <v>97.18</v>
      </c>
      <c r="E31" s="32">
        <v>31</v>
      </c>
      <c r="F31" s="33">
        <v>2.09</v>
      </c>
      <c r="G31" s="30">
        <v>4.91</v>
      </c>
      <c r="H31" s="31">
        <v>2.82</v>
      </c>
      <c r="I31" s="32">
        <v>3</v>
      </c>
      <c r="J31" s="113">
        <v>-2.09</v>
      </c>
      <c r="K31" s="30">
        <v>44.75</v>
      </c>
      <c r="L31" s="31">
        <v>47.43</v>
      </c>
      <c r="M31" s="32">
        <v>5</v>
      </c>
      <c r="N31" s="120">
        <v>2.68</v>
      </c>
      <c r="O31" s="34">
        <v>1031</v>
      </c>
      <c r="P31" s="35">
        <v>958</v>
      </c>
      <c r="Q31" s="32">
        <v>29</v>
      </c>
      <c r="R31" s="124">
        <v>-73</v>
      </c>
    </row>
    <row r="32" spans="1:18" ht="18" customHeight="1" x14ac:dyDescent="0.15">
      <c r="A32" s="37">
        <v>27</v>
      </c>
      <c r="B32" s="29" t="s">
        <v>43</v>
      </c>
      <c r="C32" s="30">
        <v>94.69</v>
      </c>
      <c r="D32" s="31">
        <v>97.01</v>
      </c>
      <c r="E32" s="32">
        <v>33</v>
      </c>
      <c r="F32" s="33">
        <v>2.3199999999999998</v>
      </c>
      <c r="G32" s="30">
        <v>5.31</v>
      </c>
      <c r="H32" s="31">
        <v>2.99</v>
      </c>
      <c r="I32" s="32">
        <v>1</v>
      </c>
      <c r="J32" s="113">
        <v>-2.3199999999999998</v>
      </c>
      <c r="K32" s="30">
        <v>47.96</v>
      </c>
      <c r="L32" s="31">
        <v>50.05</v>
      </c>
      <c r="M32" s="32">
        <v>1</v>
      </c>
      <c r="N32" s="120">
        <v>2.09</v>
      </c>
      <c r="O32" s="34">
        <v>791</v>
      </c>
      <c r="P32" s="35">
        <v>991</v>
      </c>
      <c r="Q32" s="32">
        <v>28</v>
      </c>
      <c r="R32" s="124">
        <v>200</v>
      </c>
    </row>
    <row r="33" spans="1:18" ht="18" customHeight="1" x14ac:dyDescent="0.15">
      <c r="A33" s="37">
        <v>28</v>
      </c>
      <c r="B33" s="29" t="s">
        <v>44</v>
      </c>
      <c r="C33" s="30">
        <v>95.56</v>
      </c>
      <c r="D33" s="31">
        <v>97.03</v>
      </c>
      <c r="E33" s="32">
        <v>32</v>
      </c>
      <c r="F33" s="33">
        <v>1.47</v>
      </c>
      <c r="G33" s="30">
        <v>4.4400000000000004</v>
      </c>
      <c r="H33" s="31">
        <v>2.97</v>
      </c>
      <c r="I33" s="32">
        <v>2</v>
      </c>
      <c r="J33" s="113">
        <v>-1.47</v>
      </c>
      <c r="K33" s="30">
        <v>43.12</v>
      </c>
      <c r="L33" s="31">
        <v>45.43</v>
      </c>
      <c r="M33" s="32">
        <v>11</v>
      </c>
      <c r="N33" s="120">
        <v>2.31</v>
      </c>
      <c r="O33" s="34">
        <v>1276</v>
      </c>
      <c r="P33" s="35">
        <v>1190</v>
      </c>
      <c r="Q33" s="32">
        <v>27</v>
      </c>
      <c r="R33" s="124">
        <v>-86</v>
      </c>
    </row>
    <row r="34" spans="1:18" ht="18" customHeight="1" x14ac:dyDescent="0.15">
      <c r="A34" s="37">
        <v>29</v>
      </c>
      <c r="B34" s="29" t="s">
        <v>45</v>
      </c>
      <c r="C34" s="30">
        <v>97.77</v>
      </c>
      <c r="D34" s="31">
        <v>98.84</v>
      </c>
      <c r="E34" s="32">
        <v>4</v>
      </c>
      <c r="F34" s="33">
        <v>1.07</v>
      </c>
      <c r="G34" s="30">
        <v>2.23</v>
      </c>
      <c r="H34" s="31">
        <v>1.1599999999999999</v>
      </c>
      <c r="I34" s="32">
        <v>29</v>
      </c>
      <c r="J34" s="113">
        <v>-1.07</v>
      </c>
      <c r="K34" s="30">
        <v>43.24</v>
      </c>
      <c r="L34" s="31">
        <v>44.16</v>
      </c>
      <c r="M34" s="32">
        <v>15</v>
      </c>
      <c r="N34" s="120">
        <v>0.92</v>
      </c>
      <c r="O34" s="34">
        <v>373</v>
      </c>
      <c r="P34" s="35">
        <v>344</v>
      </c>
      <c r="Q34" s="32">
        <v>33</v>
      </c>
      <c r="R34" s="124">
        <v>-29</v>
      </c>
    </row>
    <row r="35" spans="1:18" ht="18" customHeight="1" x14ac:dyDescent="0.15">
      <c r="A35" s="37">
        <v>30</v>
      </c>
      <c r="B35" s="29" t="s">
        <v>46</v>
      </c>
      <c r="C35" s="30">
        <v>97.95</v>
      </c>
      <c r="D35" s="31">
        <v>98.66</v>
      </c>
      <c r="E35" s="32">
        <v>12</v>
      </c>
      <c r="F35" s="33">
        <v>0.71</v>
      </c>
      <c r="G35" s="30">
        <v>2.0499999999999998</v>
      </c>
      <c r="H35" s="31">
        <v>1.34</v>
      </c>
      <c r="I35" s="32">
        <v>22</v>
      </c>
      <c r="J35" s="113">
        <v>-0.71</v>
      </c>
      <c r="K35" s="30">
        <v>43.04</v>
      </c>
      <c r="L35" s="31">
        <v>44.77</v>
      </c>
      <c r="M35" s="32">
        <v>13</v>
      </c>
      <c r="N35" s="120">
        <v>1.73</v>
      </c>
      <c r="O35" s="34">
        <v>910</v>
      </c>
      <c r="P35" s="35">
        <v>845</v>
      </c>
      <c r="Q35" s="32">
        <v>32</v>
      </c>
      <c r="R35" s="124">
        <v>-65</v>
      </c>
    </row>
    <row r="36" spans="1:18" ht="18" customHeight="1" x14ac:dyDescent="0.15">
      <c r="A36" s="37">
        <v>31</v>
      </c>
      <c r="B36" s="29" t="s">
        <v>47</v>
      </c>
      <c r="C36" s="30">
        <v>98.68</v>
      </c>
      <c r="D36" s="31">
        <v>99.23</v>
      </c>
      <c r="E36" s="32">
        <v>2</v>
      </c>
      <c r="F36" s="33">
        <v>0.55000000000000004</v>
      </c>
      <c r="G36" s="30">
        <v>1.32</v>
      </c>
      <c r="H36" s="31">
        <v>0.77</v>
      </c>
      <c r="I36" s="32">
        <v>32</v>
      </c>
      <c r="J36" s="113">
        <v>-0.55000000000000004</v>
      </c>
      <c r="K36" s="30">
        <v>43.61</v>
      </c>
      <c r="L36" s="31">
        <v>45.73</v>
      </c>
      <c r="M36" s="32">
        <v>9</v>
      </c>
      <c r="N36" s="120">
        <v>2.12</v>
      </c>
      <c r="O36" s="34">
        <v>2141</v>
      </c>
      <c r="P36" s="35">
        <v>1990</v>
      </c>
      <c r="Q36" s="32">
        <v>15</v>
      </c>
      <c r="R36" s="124">
        <v>-151</v>
      </c>
    </row>
    <row r="37" spans="1:18" ht="18" customHeight="1" x14ac:dyDescent="0.15">
      <c r="A37" s="37">
        <v>32</v>
      </c>
      <c r="B37" s="29" t="s">
        <v>48</v>
      </c>
      <c r="C37" s="30">
        <v>96.21</v>
      </c>
      <c r="D37" s="31">
        <v>97.95</v>
      </c>
      <c r="E37" s="32">
        <v>25</v>
      </c>
      <c r="F37" s="33">
        <v>1.74</v>
      </c>
      <c r="G37" s="30">
        <v>3.79</v>
      </c>
      <c r="H37" s="31">
        <v>2.0499999999999998</v>
      </c>
      <c r="I37" s="32">
        <v>9</v>
      </c>
      <c r="J37" s="113">
        <v>-1.74</v>
      </c>
      <c r="K37" s="30">
        <v>38.99</v>
      </c>
      <c r="L37" s="31">
        <v>40.96</v>
      </c>
      <c r="M37" s="32">
        <v>25</v>
      </c>
      <c r="N37" s="120">
        <v>1.97</v>
      </c>
      <c r="O37" s="34">
        <v>1898</v>
      </c>
      <c r="P37" s="35">
        <v>1767</v>
      </c>
      <c r="Q37" s="32">
        <v>20</v>
      </c>
      <c r="R37" s="124">
        <v>-131</v>
      </c>
    </row>
    <row r="38" spans="1:18" ht="18" customHeight="1" thickBot="1" x14ac:dyDescent="0.2">
      <c r="A38" s="38">
        <v>33</v>
      </c>
      <c r="B38" s="29" t="s">
        <v>49</v>
      </c>
      <c r="C38" s="40">
        <v>98.25</v>
      </c>
      <c r="D38" s="41">
        <v>99.45</v>
      </c>
      <c r="E38" s="42">
        <v>1</v>
      </c>
      <c r="F38" s="43">
        <v>1.2</v>
      </c>
      <c r="G38" s="40">
        <v>1.75</v>
      </c>
      <c r="H38" s="41">
        <v>0.55000000000000004</v>
      </c>
      <c r="I38" s="42">
        <v>33</v>
      </c>
      <c r="J38" s="114">
        <v>-1.2</v>
      </c>
      <c r="K38" s="40">
        <v>45.77</v>
      </c>
      <c r="L38" s="41">
        <v>46.49</v>
      </c>
      <c r="M38" s="44">
        <v>7</v>
      </c>
      <c r="N38" s="121">
        <v>0.72</v>
      </c>
      <c r="O38" s="45">
        <v>970</v>
      </c>
      <c r="P38" s="46">
        <v>912</v>
      </c>
      <c r="Q38" s="42">
        <v>30</v>
      </c>
      <c r="R38" s="125">
        <v>-58</v>
      </c>
    </row>
    <row r="39" spans="1:18" ht="18" customHeight="1" thickTop="1" x14ac:dyDescent="0.15">
      <c r="A39" s="47">
        <v>301</v>
      </c>
      <c r="B39" s="50" t="s">
        <v>50</v>
      </c>
      <c r="C39" s="51">
        <v>100</v>
      </c>
      <c r="D39" s="52">
        <v>100</v>
      </c>
      <c r="E39" s="53">
        <v>1</v>
      </c>
      <c r="F39" s="54">
        <v>0</v>
      </c>
      <c r="G39" s="55" t="s">
        <v>51</v>
      </c>
      <c r="H39" s="56" t="s">
        <v>52</v>
      </c>
      <c r="I39" s="57" t="s">
        <v>52</v>
      </c>
      <c r="J39" s="115" t="s">
        <v>53</v>
      </c>
      <c r="K39" s="51">
        <v>10.44</v>
      </c>
      <c r="L39" s="52">
        <v>10.99</v>
      </c>
      <c r="M39" s="49">
        <v>4</v>
      </c>
      <c r="N39" s="122">
        <v>0.55000000000000004</v>
      </c>
      <c r="O39" s="58">
        <v>1728</v>
      </c>
      <c r="P39" s="59">
        <v>1706</v>
      </c>
      <c r="Q39" s="53">
        <v>3</v>
      </c>
      <c r="R39" s="126">
        <v>-22</v>
      </c>
    </row>
    <row r="40" spans="1:18" ht="18" customHeight="1" x14ac:dyDescent="0.15">
      <c r="A40" s="37">
        <v>302</v>
      </c>
      <c r="B40" s="60" t="s">
        <v>54</v>
      </c>
      <c r="C40" s="30">
        <v>100</v>
      </c>
      <c r="D40" s="31">
        <v>100</v>
      </c>
      <c r="E40" s="32">
        <v>1</v>
      </c>
      <c r="F40" s="33">
        <v>0</v>
      </c>
      <c r="G40" s="61" t="s">
        <v>51</v>
      </c>
      <c r="H40" s="62" t="s">
        <v>52</v>
      </c>
      <c r="I40" s="63" t="s">
        <v>52</v>
      </c>
      <c r="J40" s="116" t="s">
        <v>52</v>
      </c>
      <c r="K40" s="30">
        <v>7.34</v>
      </c>
      <c r="L40" s="31">
        <v>7.7</v>
      </c>
      <c r="M40" s="32">
        <v>6</v>
      </c>
      <c r="N40" s="120">
        <v>0.36</v>
      </c>
      <c r="O40" s="34">
        <v>2088</v>
      </c>
      <c r="P40" s="35">
        <v>2066</v>
      </c>
      <c r="Q40" s="32">
        <v>2</v>
      </c>
      <c r="R40" s="124">
        <v>-22</v>
      </c>
    </row>
    <row r="41" spans="1:18" ht="18" customHeight="1" x14ac:dyDescent="0.15">
      <c r="A41" s="37">
        <v>303</v>
      </c>
      <c r="B41" s="60" t="s">
        <v>55</v>
      </c>
      <c r="C41" s="30">
        <v>100</v>
      </c>
      <c r="D41" s="31">
        <v>100</v>
      </c>
      <c r="E41" s="32">
        <v>1</v>
      </c>
      <c r="F41" s="33">
        <v>0</v>
      </c>
      <c r="G41" s="55" t="s">
        <v>51</v>
      </c>
      <c r="H41" s="56" t="s">
        <v>52</v>
      </c>
      <c r="I41" s="57" t="s">
        <v>52</v>
      </c>
      <c r="J41" s="115" t="s">
        <v>56</v>
      </c>
      <c r="K41" s="30">
        <v>20.69</v>
      </c>
      <c r="L41" s="31">
        <v>19.600000000000001</v>
      </c>
      <c r="M41" s="32">
        <v>1</v>
      </c>
      <c r="N41" s="120">
        <v>-1.0900000000000001</v>
      </c>
      <c r="O41" s="34">
        <v>1626</v>
      </c>
      <c r="P41" s="35">
        <v>1657</v>
      </c>
      <c r="Q41" s="32">
        <v>4</v>
      </c>
      <c r="R41" s="124">
        <v>31</v>
      </c>
    </row>
    <row r="42" spans="1:18" ht="18" customHeight="1" x14ac:dyDescent="0.15">
      <c r="A42" s="37">
        <v>304</v>
      </c>
      <c r="B42" s="60" t="s">
        <v>57</v>
      </c>
      <c r="C42" s="30">
        <v>100</v>
      </c>
      <c r="D42" s="31">
        <v>100</v>
      </c>
      <c r="E42" s="32">
        <v>1</v>
      </c>
      <c r="F42" s="33">
        <v>0</v>
      </c>
      <c r="G42" s="61" t="s">
        <v>51</v>
      </c>
      <c r="H42" s="62" t="s">
        <v>52</v>
      </c>
      <c r="I42" s="63" t="s">
        <v>52</v>
      </c>
      <c r="J42" s="116" t="s">
        <v>52</v>
      </c>
      <c r="K42" s="30">
        <v>10.199999999999999</v>
      </c>
      <c r="L42" s="31">
        <v>10.01</v>
      </c>
      <c r="M42" s="32">
        <v>5</v>
      </c>
      <c r="N42" s="120">
        <v>-0.19</v>
      </c>
      <c r="O42" s="34">
        <v>869</v>
      </c>
      <c r="P42" s="35">
        <v>845</v>
      </c>
      <c r="Q42" s="32">
        <v>5</v>
      </c>
      <c r="R42" s="124">
        <v>-24</v>
      </c>
    </row>
    <row r="43" spans="1:18" ht="18" customHeight="1" x14ac:dyDescent="0.15">
      <c r="A43" s="37">
        <v>305</v>
      </c>
      <c r="B43" s="60" t="s">
        <v>58</v>
      </c>
      <c r="C43" s="30">
        <v>100</v>
      </c>
      <c r="D43" s="31">
        <v>100</v>
      </c>
      <c r="E43" s="32">
        <v>1</v>
      </c>
      <c r="F43" s="33">
        <v>0</v>
      </c>
      <c r="G43" s="55" t="s">
        <v>51</v>
      </c>
      <c r="H43" s="56" t="s">
        <v>52</v>
      </c>
      <c r="I43" s="57" t="s">
        <v>52</v>
      </c>
      <c r="J43" s="115" t="s">
        <v>52</v>
      </c>
      <c r="K43" s="30">
        <v>13.07</v>
      </c>
      <c r="L43" s="31">
        <v>13.12</v>
      </c>
      <c r="M43" s="32">
        <v>2</v>
      </c>
      <c r="N43" s="120">
        <v>0.05</v>
      </c>
      <c r="O43" s="34">
        <v>831</v>
      </c>
      <c r="P43" s="35">
        <v>725</v>
      </c>
      <c r="Q43" s="32">
        <v>6</v>
      </c>
      <c r="R43" s="124">
        <v>-106</v>
      </c>
    </row>
    <row r="44" spans="1:18" ht="18" customHeight="1" thickBot="1" x14ac:dyDescent="0.2">
      <c r="A44" s="38">
        <v>306</v>
      </c>
      <c r="B44" s="64" t="s">
        <v>59</v>
      </c>
      <c r="C44" s="40">
        <v>100</v>
      </c>
      <c r="D44" s="41">
        <v>100</v>
      </c>
      <c r="E44" s="42">
        <v>1</v>
      </c>
      <c r="F44" s="43">
        <v>0</v>
      </c>
      <c r="G44" s="65" t="s">
        <v>51</v>
      </c>
      <c r="H44" s="66" t="s">
        <v>60</v>
      </c>
      <c r="I44" s="67" t="s">
        <v>60</v>
      </c>
      <c r="J44" s="117" t="s">
        <v>60</v>
      </c>
      <c r="K44" s="40">
        <v>12.07</v>
      </c>
      <c r="L44" s="41">
        <v>11.56</v>
      </c>
      <c r="M44" s="32">
        <v>3</v>
      </c>
      <c r="N44" s="121">
        <v>-0.51</v>
      </c>
      <c r="O44" s="45">
        <v>2462</v>
      </c>
      <c r="P44" s="46">
        <v>2460</v>
      </c>
      <c r="Q44" s="42">
        <v>1</v>
      </c>
      <c r="R44" s="125">
        <v>-2</v>
      </c>
    </row>
    <row r="45" spans="1:18" ht="18" customHeight="1" thickTop="1" thickBot="1" x14ac:dyDescent="0.2">
      <c r="A45" s="101" t="s">
        <v>61</v>
      </c>
      <c r="B45" s="102"/>
      <c r="C45" s="40">
        <v>97.9</v>
      </c>
      <c r="D45" s="41">
        <v>98.78</v>
      </c>
      <c r="E45" s="68" t="s">
        <v>62</v>
      </c>
      <c r="F45" s="43">
        <v>0.88</v>
      </c>
      <c r="G45" s="69">
        <v>2.1</v>
      </c>
      <c r="H45" s="70">
        <v>1.22</v>
      </c>
      <c r="I45" s="68" t="s">
        <v>52</v>
      </c>
      <c r="J45" s="114">
        <v>-0.88</v>
      </c>
      <c r="K45" s="40">
        <v>39.26</v>
      </c>
      <c r="L45" s="41">
        <v>40.659999999999997</v>
      </c>
      <c r="M45" s="68" t="s">
        <v>62</v>
      </c>
      <c r="N45" s="121">
        <v>1.4</v>
      </c>
      <c r="O45" s="45">
        <v>1991</v>
      </c>
      <c r="P45" s="46">
        <v>1893</v>
      </c>
      <c r="Q45" s="68" t="s">
        <v>62</v>
      </c>
      <c r="R45" s="125">
        <v>-98</v>
      </c>
    </row>
    <row r="46" spans="1:18" ht="18" customHeight="1" thickTop="1" thickBot="1" x14ac:dyDescent="0.2">
      <c r="A46" s="101" t="s">
        <v>63</v>
      </c>
      <c r="B46" s="102"/>
      <c r="C46" s="40">
        <v>100</v>
      </c>
      <c r="D46" s="41">
        <v>100</v>
      </c>
      <c r="E46" s="68" t="s">
        <v>62</v>
      </c>
      <c r="F46" s="43">
        <v>0</v>
      </c>
      <c r="G46" s="71" t="s">
        <v>51</v>
      </c>
      <c r="H46" s="72" t="s">
        <v>62</v>
      </c>
      <c r="I46" s="68" t="s">
        <v>62</v>
      </c>
      <c r="J46" s="118" t="s">
        <v>62</v>
      </c>
      <c r="K46" s="40">
        <v>12.53</v>
      </c>
      <c r="L46" s="41">
        <v>12.14</v>
      </c>
      <c r="M46" s="68" t="s">
        <v>62</v>
      </c>
      <c r="N46" s="121">
        <v>-0.39</v>
      </c>
      <c r="O46" s="73">
        <v>1888</v>
      </c>
      <c r="P46" s="74">
        <v>1851</v>
      </c>
      <c r="Q46" s="68" t="s">
        <v>52</v>
      </c>
      <c r="R46" s="125">
        <v>-37</v>
      </c>
    </row>
    <row r="47" spans="1:18" ht="18" customHeight="1" thickTop="1" thickBot="1" x14ac:dyDescent="0.2">
      <c r="A47" s="103" t="s">
        <v>64</v>
      </c>
      <c r="B47" s="104"/>
      <c r="C47" s="75">
        <v>98.03</v>
      </c>
      <c r="D47" s="76">
        <v>98.86</v>
      </c>
      <c r="E47" s="77" t="s">
        <v>52</v>
      </c>
      <c r="F47" s="78">
        <v>0.83</v>
      </c>
      <c r="G47" s="75">
        <v>1.97</v>
      </c>
      <c r="H47" s="76">
        <v>1.1399999999999999</v>
      </c>
      <c r="I47" s="77" t="s">
        <v>52</v>
      </c>
      <c r="J47" s="119">
        <v>-0.83</v>
      </c>
      <c r="K47" s="75">
        <v>37.57</v>
      </c>
      <c r="L47" s="76">
        <v>38.81</v>
      </c>
      <c r="M47" s="77" t="s">
        <v>52</v>
      </c>
      <c r="N47" s="123">
        <v>1.24</v>
      </c>
      <c r="O47" s="79">
        <v>1984</v>
      </c>
      <c r="P47" s="80">
        <v>1890</v>
      </c>
      <c r="Q47" s="77" t="s">
        <v>52</v>
      </c>
      <c r="R47" s="127">
        <v>-94</v>
      </c>
    </row>
    <row r="48" spans="1:18" ht="15" customHeight="1" x14ac:dyDescent="0.15">
      <c r="A48" s="81" t="s">
        <v>65</v>
      </c>
      <c r="D48" s="81"/>
      <c r="H48" s="81"/>
      <c r="L48" s="81"/>
    </row>
    <row r="49" spans="1:18" x14ac:dyDescent="0.15">
      <c r="A49" s="87"/>
      <c r="B49" s="88"/>
      <c r="C49" s="89"/>
      <c r="D49" s="90"/>
      <c r="E49" s="91"/>
      <c r="F49" s="92"/>
      <c r="G49" s="93"/>
      <c r="H49" s="90"/>
      <c r="I49" s="91"/>
      <c r="J49" s="92"/>
      <c r="K49" s="93"/>
      <c r="L49" s="90"/>
      <c r="M49" s="91"/>
      <c r="N49" s="92"/>
      <c r="O49" s="93"/>
      <c r="P49" s="94"/>
      <c r="Q49" s="91"/>
      <c r="R49" s="91"/>
    </row>
    <row r="50" spans="1:18" x14ac:dyDescent="0.15">
      <c r="A50" s="88"/>
      <c r="B50" s="88"/>
      <c r="C50" s="95"/>
      <c r="D50" s="90"/>
      <c r="E50" s="91"/>
      <c r="F50" s="91"/>
      <c r="G50" s="86"/>
      <c r="H50" s="90"/>
      <c r="I50" s="91"/>
      <c r="J50" s="91"/>
      <c r="K50" s="86"/>
      <c r="L50" s="90"/>
      <c r="M50" s="91"/>
      <c r="N50" s="91"/>
      <c r="O50" s="86"/>
      <c r="P50" s="94"/>
      <c r="Q50" s="91"/>
      <c r="R50" s="91"/>
    </row>
    <row r="51" spans="1:18" x14ac:dyDescent="0.15">
      <c r="A51" s="88"/>
      <c r="B51" s="96"/>
      <c r="C51" s="97"/>
      <c r="D51" s="98"/>
      <c r="E51" s="84"/>
      <c r="F51" s="84"/>
      <c r="G51" s="85"/>
      <c r="H51" s="98"/>
      <c r="I51" s="84"/>
      <c r="J51" s="84"/>
      <c r="K51" s="85"/>
      <c r="L51" s="98"/>
      <c r="M51" s="84"/>
      <c r="N51" s="84"/>
      <c r="O51" s="85"/>
      <c r="P51" s="94"/>
      <c r="Q51" s="84"/>
      <c r="R51" s="84"/>
    </row>
    <row r="52" spans="1:18" x14ac:dyDescent="0.15">
      <c r="A52" s="88"/>
      <c r="B52" s="96"/>
      <c r="C52" s="97"/>
      <c r="D52" s="98"/>
      <c r="E52" s="84"/>
      <c r="F52" s="84"/>
      <c r="G52" s="85"/>
      <c r="H52" s="98"/>
      <c r="I52" s="84"/>
      <c r="J52" s="84"/>
      <c r="K52" s="85"/>
      <c r="L52" s="98"/>
      <c r="M52" s="84"/>
      <c r="N52" s="84"/>
      <c r="O52" s="85"/>
      <c r="P52" s="94"/>
      <c r="Q52" s="84"/>
      <c r="R52" s="84"/>
    </row>
    <row r="53" spans="1:18" x14ac:dyDescent="0.15">
      <c r="A53" s="88"/>
      <c r="B53" s="96"/>
      <c r="C53" s="97"/>
      <c r="D53" s="98"/>
      <c r="E53" s="84"/>
      <c r="F53" s="84"/>
      <c r="G53" s="85"/>
      <c r="H53" s="98"/>
      <c r="I53" s="84"/>
      <c r="J53" s="84"/>
      <c r="K53" s="85"/>
      <c r="L53" s="98"/>
      <c r="M53" s="84"/>
      <c r="N53" s="84"/>
      <c r="O53" s="85"/>
      <c r="P53" s="94"/>
      <c r="Q53" s="84"/>
      <c r="R53" s="84"/>
    </row>
    <row r="54" spans="1:18" x14ac:dyDescent="0.15">
      <c r="A54" s="88"/>
      <c r="B54" s="96"/>
      <c r="C54" s="97"/>
      <c r="D54" s="98"/>
      <c r="E54" s="84"/>
      <c r="F54" s="84"/>
      <c r="G54" s="85"/>
      <c r="H54" s="98"/>
      <c r="I54" s="84"/>
      <c r="J54" s="84"/>
      <c r="K54" s="85"/>
      <c r="L54" s="98"/>
      <c r="M54" s="84"/>
      <c r="N54" s="84"/>
      <c r="O54" s="85"/>
      <c r="P54" s="94"/>
      <c r="Q54" s="84"/>
      <c r="R54" s="84"/>
    </row>
    <row r="55" spans="1:18" x14ac:dyDescent="0.15">
      <c r="A55" s="88"/>
      <c r="B55" s="96"/>
      <c r="C55" s="97"/>
      <c r="D55" s="98"/>
      <c r="E55" s="84"/>
      <c r="F55" s="84"/>
      <c r="G55" s="85"/>
      <c r="H55" s="98"/>
      <c r="I55" s="84"/>
      <c r="J55" s="84"/>
      <c r="K55" s="85"/>
      <c r="L55" s="98"/>
      <c r="M55" s="84"/>
      <c r="N55" s="84"/>
      <c r="O55" s="85"/>
      <c r="P55" s="94"/>
      <c r="Q55" s="84"/>
      <c r="R55" s="84"/>
    </row>
    <row r="56" spans="1:18" x14ac:dyDescent="0.15">
      <c r="A56" s="88"/>
      <c r="B56" s="96"/>
      <c r="C56" s="97"/>
      <c r="D56" s="98"/>
      <c r="E56" s="84"/>
      <c r="F56" s="84"/>
      <c r="G56" s="85"/>
      <c r="H56" s="98"/>
      <c r="I56" s="84"/>
      <c r="J56" s="84"/>
      <c r="K56" s="85"/>
      <c r="L56" s="98"/>
      <c r="M56" s="84"/>
      <c r="N56" s="84"/>
      <c r="O56" s="85"/>
      <c r="P56" s="94"/>
      <c r="Q56" s="84"/>
      <c r="R56" s="84"/>
    </row>
    <row r="57" spans="1:18" x14ac:dyDescent="0.15">
      <c r="A57" s="88"/>
      <c r="B57" s="96"/>
      <c r="C57" s="97"/>
      <c r="D57" s="98"/>
      <c r="E57" s="84"/>
      <c r="F57" s="84"/>
      <c r="G57" s="85"/>
      <c r="H57" s="98"/>
      <c r="I57" s="84"/>
      <c r="J57" s="84"/>
      <c r="K57" s="85"/>
      <c r="L57" s="98"/>
      <c r="M57" s="84"/>
      <c r="N57" s="84"/>
      <c r="O57" s="85"/>
      <c r="P57" s="94"/>
      <c r="Q57" s="84"/>
      <c r="R57" s="84"/>
    </row>
    <row r="58" spans="1:18" x14ac:dyDescent="0.15">
      <c r="A58" s="88"/>
      <c r="B58" s="96"/>
      <c r="C58" s="97"/>
      <c r="D58" s="98"/>
      <c r="E58" s="84"/>
      <c r="F58" s="84"/>
      <c r="G58" s="85"/>
      <c r="H58" s="98"/>
      <c r="I58" s="84"/>
      <c r="J58" s="84"/>
      <c r="K58" s="85"/>
      <c r="L58" s="98"/>
      <c r="M58" s="84"/>
      <c r="N58" s="84"/>
      <c r="O58" s="85"/>
      <c r="P58" s="94"/>
      <c r="Q58" s="84"/>
      <c r="R58" s="84"/>
    </row>
    <row r="59" spans="1:18" x14ac:dyDescent="0.15">
      <c r="A59" s="88"/>
      <c r="B59" s="96"/>
      <c r="C59" s="97"/>
      <c r="D59" s="98"/>
      <c r="E59" s="84"/>
      <c r="F59" s="84"/>
      <c r="G59" s="85"/>
      <c r="H59" s="98"/>
      <c r="I59" s="84"/>
      <c r="J59" s="84"/>
      <c r="K59" s="85"/>
      <c r="L59" s="98"/>
      <c r="M59" s="84"/>
      <c r="N59" s="84"/>
      <c r="O59" s="85"/>
      <c r="P59" s="94"/>
      <c r="Q59" s="84"/>
      <c r="R59" s="84"/>
    </row>
    <row r="60" spans="1:18" x14ac:dyDescent="0.15">
      <c r="A60" s="88"/>
      <c r="B60" s="96"/>
      <c r="C60" s="97"/>
      <c r="D60" s="98"/>
      <c r="E60" s="84"/>
      <c r="F60" s="84"/>
      <c r="G60" s="85"/>
      <c r="H60" s="98"/>
      <c r="I60" s="84"/>
      <c r="J60" s="84"/>
      <c r="K60" s="85"/>
      <c r="L60" s="98"/>
      <c r="M60" s="84"/>
      <c r="N60" s="84"/>
      <c r="O60" s="85"/>
      <c r="P60" s="94"/>
      <c r="Q60" s="84"/>
      <c r="R60" s="84"/>
    </row>
    <row r="61" spans="1:18" x14ac:dyDescent="0.15">
      <c r="A61" s="88"/>
      <c r="B61" s="96"/>
      <c r="C61" s="97"/>
      <c r="D61" s="98"/>
      <c r="E61" s="84"/>
      <c r="F61" s="84"/>
      <c r="G61" s="85"/>
      <c r="H61" s="98"/>
      <c r="I61" s="84"/>
      <c r="J61" s="84"/>
      <c r="K61" s="85"/>
      <c r="L61" s="98"/>
      <c r="M61" s="84"/>
      <c r="N61" s="84"/>
      <c r="O61" s="85"/>
      <c r="P61" s="94"/>
      <c r="Q61" s="84"/>
      <c r="R61" s="84"/>
    </row>
    <row r="62" spans="1:18" x14ac:dyDescent="0.15">
      <c r="A62" s="88"/>
      <c r="B62" s="96"/>
      <c r="C62" s="97"/>
      <c r="D62" s="98"/>
      <c r="E62" s="84"/>
      <c r="F62" s="84"/>
      <c r="G62" s="85"/>
      <c r="H62" s="98"/>
      <c r="I62" s="84"/>
      <c r="J62" s="84"/>
      <c r="K62" s="85"/>
      <c r="L62" s="98"/>
      <c r="M62" s="84"/>
      <c r="N62" s="84"/>
      <c r="O62" s="85"/>
      <c r="P62" s="94"/>
      <c r="Q62" s="84"/>
      <c r="R62" s="84"/>
    </row>
    <row r="63" spans="1:18" x14ac:dyDescent="0.15">
      <c r="A63" s="88"/>
      <c r="B63" s="96"/>
      <c r="C63" s="97"/>
      <c r="D63" s="98"/>
      <c r="E63" s="84"/>
      <c r="F63" s="84"/>
      <c r="G63" s="85"/>
      <c r="H63" s="98"/>
      <c r="I63" s="84"/>
      <c r="J63" s="84"/>
      <c r="K63" s="85"/>
      <c r="L63" s="98"/>
      <c r="M63" s="84"/>
      <c r="N63" s="84"/>
      <c r="O63" s="85"/>
      <c r="P63" s="94"/>
      <c r="Q63" s="84"/>
      <c r="R63" s="84"/>
    </row>
    <row r="64" spans="1:18" x14ac:dyDescent="0.15">
      <c r="A64" s="88"/>
      <c r="B64" s="96"/>
      <c r="C64" s="97"/>
      <c r="D64" s="98"/>
      <c r="E64" s="84"/>
      <c r="F64" s="84"/>
      <c r="G64" s="85"/>
      <c r="H64" s="98"/>
      <c r="I64" s="84"/>
      <c r="J64" s="84"/>
      <c r="K64" s="85"/>
      <c r="L64" s="98"/>
      <c r="M64" s="84"/>
      <c r="N64" s="84"/>
      <c r="O64" s="85"/>
      <c r="P64" s="94"/>
      <c r="Q64" s="84"/>
      <c r="R64" s="84"/>
    </row>
    <row r="65" spans="1:18" x14ac:dyDescent="0.15">
      <c r="A65" s="88"/>
      <c r="B65" s="96"/>
      <c r="C65" s="97"/>
      <c r="D65" s="98"/>
      <c r="E65" s="84"/>
      <c r="F65" s="84"/>
      <c r="G65" s="85"/>
      <c r="H65" s="98"/>
      <c r="I65" s="84"/>
      <c r="J65" s="84"/>
      <c r="K65" s="85"/>
      <c r="L65" s="98"/>
      <c r="M65" s="84"/>
      <c r="N65" s="84"/>
      <c r="O65" s="85"/>
      <c r="P65" s="94"/>
      <c r="Q65" s="84"/>
      <c r="R65" s="84"/>
    </row>
    <row r="66" spans="1:18" x14ac:dyDescent="0.15">
      <c r="A66" s="88"/>
      <c r="B66" s="96"/>
      <c r="C66" s="97"/>
      <c r="D66" s="98"/>
      <c r="E66" s="84"/>
      <c r="F66" s="84"/>
      <c r="G66" s="85"/>
      <c r="H66" s="98"/>
      <c r="I66" s="84"/>
      <c r="J66" s="84"/>
      <c r="K66" s="85"/>
      <c r="L66" s="98"/>
      <c r="M66" s="84"/>
      <c r="N66" s="84"/>
      <c r="O66" s="85"/>
      <c r="P66" s="94"/>
      <c r="Q66" s="84"/>
      <c r="R66" s="84"/>
    </row>
    <row r="67" spans="1:18" x14ac:dyDescent="0.15">
      <c r="A67" s="88"/>
      <c r="B67" s="96"/>
      <c r="C67" s="97"/>
      <c r="D67" s="98"/>
      <c r="E67" s="84"/>
      <c r="F67" s="84"/>
      <c r="G67" s="85"/>
      <c r="H67" s="98"/>
      <c r="I67" s="84"/>
      <c r="J67" s="84"/>
      <c r="K67" s="85"/>
      <c r="L67" s="98"/>
      <c r="M67" s="84"/>
      <c r="N67" s="84"/>
      <c r="O67" s="85"/>
      <c r="P67" s="94"/>
      <c r="Q67" s="84"/>
      <c r="R67" s="84"/>
    </row>
    <row r="68" spans="1:18" x14ac:dyDescent="0.15">
      <c r="A68" s="88"/>
      <c r="B68" s="96"/>
      <c r="C68" s="97"/>
      <c r="D68" s="98"/>
      <c r="E68" s="84"/>
      <c r="F68" s="84"/>
      <c r="G68" s="85"/>
      <c r="H68" s="98"/>
      <c r="I68" s="84"/>
      <c r="J68" s="84"/>
      <c r="K68" s="85"/>
      <c r="L68" s="98"/>
      <c r="M68" s="84"/>
      <c r="N68" s="84"/>
      <c r="O68" s="85"/>
      <c r="P68" s="94"/>
      <c r="Q68" s="84"/>
      <c r="R68" s="84"/>
    </row>
    <row r="69" spans="1:18" x14ac:dyDescent="0.15">
      <c r="A69" s="88"/>
      <c r="B69" s="96"/>
      <c r="C69" s="97"/>
      <c r="D69" s="98"/>
      <c r="E69" s="84"/>
      <c r="F69" s="84"/>
      <c r="G69" s="85"/>
      <c r="H69" s="98"/>
      <c r="I69" s="84"/>
      <c r="J69" s="84"/>
      <c r="K69" s="85"/>
      <c r="L69" s="98"/>
      <c r="M69" s="84"/>
      <c r="N69" s="84"/>
      <c r="O69" s="85"/>
      <c r="P69" s="94"/>
      <c r="Q69" s="84"/>
      <c r="R69" s="84"/>
    </row>
    <row r="70" spans="1:18" x14ac:dyDescent="0.15">
      <c r="A70" s="88"/>
      <c r="B70" s="96"/>
      <c r="C70" s="97"/>
      <c r="D70" s="98"/>
      <c r="E70" s="84"/>
      <c r="F70" s="84"/>
      <c r="G70" s="85"/>
      <c r="H70" s="98"/>
      <c r="I70" s="84"/>
      <c r="J70" s="84"/>
      <c r="K70" s="85"/>
      <c r="L70" s="98"/>
      <c r="M70" s="84"/>
      <c r="N70" s="84"/>
      <c r="O70" s="85"/>
      <c r="P70" s="94"/>
      <c r="Q70" s="84"/>
      <c r="R70" s="84"/>
    </row>
    <row r="71" spans="1:18" x14ac:dyDescent="0.15">
      <c r="A71" s="88"/>
      <c r="B71" s="96"/>
      <c r="C71" s="97"/>
      <c r="D71" s="98"/>
      <c r="E71" s="84"/>
      <c r="F71" s="84"/>
      <c r="G71" s="85"/>
      <c r="H71" s="98"/>
      <c r="I71" s="84"/>
      <c r="J71" s="84"/>
      <c r="K71" s="85"/>
      <c r="L71" s="98"/>
      <c r="M71" s="84"/>
      <c r="N71" s="84"/>
      <c r="O71" s="85"/>
      <c r="P71" s="94"/>
      <c r="Q71" s="84"/>
      <c r="R71" s="84"/>
    </row>
    <row r="72" spans="1:18" x14ac:dyDescent="0.15">
      <c r="A72" s="88"/>
      <c r="B72" s="96"/>
      <c r="C72" s="97"/>
      <c r="D72" s="98"/>
      <c r="E72" s="84"/>
      <c r="F72" s="84"/>
      <c r="G72" s="85"/>
      <c r="H72" s="98"/>
      <c r="I72" s="84"/>
      <c r="J72" s="84"/>
      <c r="K72" s="85"/>
      <c r="L72" s="98"/>
      <c r="M72" s="84"/>
      <c r="N72" s="84"/>
      <c r="O72" s="85"/>
      <c r="P72" s="94"/>
      <c r="Q72" s="84"/>
      <c r="R72" s="84"/>
    </row>
    <row r="73" spans="1:18" x14ac:dyDescent="0.15">
      <c r="A73" s="88"/>
      <c r="B73" s="96"/>
      <c r="C73" s="97"/>
      <c r="D73" s="98"/>
      <c r="E73" s="84"/>
      <c r="F73" s="84"/>
      <c r="G73" s="85"/>
      <c r="H73" s="98"/>
      <c r="I73" s="84"/>
      <c r="J73" s="84"/>
      <c r="K73" s="85"/>
      <c r="L73" s="98"/>
      <c r="M73" s="84"/>
      <c r="N73" s="84"/>
      <c r="O73" s="85"/>
      <c r="P73" s="94"/>
      <c r="Q73" s="84"/>
      <c r="R73" s="84"/>
    </row>
    <row r="74" spans="1:18" x14ac:dyDescent="0.15">
      <c r="A74" s="88"/>
      <c r="B74" s="96"/>
      <c r="C74" s="97"/>
      <c r="D74" s="98"/>
      <c r="E74" s="84"/>
      <c r="F74" s="84"/>
      <c r="G74" s="85"/>
      <c r="H74" s="98"/>
      <c r="I74" s="84"/>
      <c r="J74" s="84"/>
      <c r="K74" s="85"/>
      <c r="L74" s="98"/>
      <c r="M74" s="84"/>
      <c r="N74" s="84"/>
      <c r="O74" s="85"/>
      <c r="P74" s="94"/>
      <c r="Q74" s="84"/>
      <c r="R74" s="84"/>
    </row>
    <row r="75" spans="1:18" x14ac:dyDescent="0.15">
      <c r="A75" s="88"/>
      <c r="B75" s="96"/>
      <c r="C75" s="97"/>
      <c r="D75" s="98"/>
      <c r="E75" s="84"/>
      <c r="F75" s="84"/>
      <c r="G75" s="85"/>
      <c r="H75" s="98"/>
      <c r="I75" s="84"/>
      <c r="J75" s="84"/>
      <c r="K75" s="85"/>
      <c r="L75" s="98"/>
      <c r="M75" s="84"/>
      <c r="N75" s="84"/>
      <c r="O75" s="85"/>
      <c r="P75" s="94"/>
      <c r="Q75" s="84"/>
      <c r="R75" s="84"/>
    </row>
    <row r="76" spans="1:18" x14ac:dyDescent="0.15">
      <c r="A76" s="88"/>
      <c r="B76" s="96"/>
      <c r="C76" s="97"/>
      <c r="D76" s="98"/>
      <c r="E76" s="84"/>
      <c r="F76" s="84"/>
      <c r="G76" s="85"/>
      <c r="H76" s="98"/>
      <c r="I76" s="84"/>
      <c r="J76" s="84"/>
      <c r="K76" s="85"/>
      <c r="L76" s="98"/>
      <c r="M76" s="84"/>
      <c r="N76" s="84"/>
      <c r="O76" s="85"/>
      <c r="P76" s="94"/>
      <c r="Q76" s="84"/>
      <c r="R76" s="84"/>
    </row>
    <row r="77" spans="1:18" x14ac:dyDescent="0.15">
      <c r="A77" s="88"/>
      <c r="B77" s="96"/>
      <c r="C77" s="97"/>
      <c r="D77" s="98"/>
      <c r="E77" s="84"/>
      <c r="F77" s="84"/>
      <c r="G77" s="85"/>
      <c r="H77" s="98"/>
      <c r="I77" s="84"/>
      <c r="J77" s="84"/>
      <c r="K77" s="85"/>
      <c r="L77" s="98"/>
      <c r="M77" s="84"/>
      <c r="N77" s="84"/>
      <c r="O77" s="85"/>
      <c r="P77" s="94"/>
      <c r="Q77" s="84"/>
      <c r="R77" s="84"/>
    </row>
    <row r="78" spans="1:18" x14ac:dyDescent="0.15">
      <c r="A78" s="88"/>
      <c r="B78" s="96"/>
      <c r="C78" s="97"/>
      <c r="D78" s="98"/>
      <c r="E78" s="84"/>
      <c r="F78" s="84"/>
      <c r="G78" s="85"/>
      <c r="H78" s="98"/>
      <c r="I78" s="84"/>
      <c r="J78" s="84"/>
      <c r="K78" s="85"/>
      <c r="L78" s="98"/>
      <c r="M78" s="84"/>
      <c r="N78" s="84"/>
      <c r="O78" s="85"/>
      <c r="P78" s="94"/>
      <c r="Q78" s="84"/>
      <c r="R78" s="84"/>
    </row>
    <row r="79" spans="1:18" x14ac:dyDescent="0.15">
      <c r="A79" s="88"/>
      <c r="B79" s="96"/>
      <c r="C79" s="97"/>
      <c r="D79" s="98"/>
      <c r="E79" s="84"/>
      <c r="F79" s="84"/>
      <c r="G79" s="85"/>
      <c r="H79" s="98"/>
      <c r="I79" s="84"/>
      <c r="J79" s="84"/>
      <c r="K79" s="85"/>
      <c r="L79" s="98"/>
      <c r="M79" s="84"/>
      <c r="N79" s="84"/>
      <c r="O79" s="85"/>
      <c r="P79" s="94"/>
      <c r="Q79" s="84"/>
      <c r="R79" s="84"/>
    </row>
    <row r="80" spans="1:18" x14ac:dyDescent="0.15">
      <c r="A80" s="88"/>
      <c r="B80" s="96"/>
      <c r="C80" s="97"/>
      <c r="D80" s="98"/>
      <c r="E80" s="84"/>
      <c r="F80" s="84"/>
      <c r="G80" s="85"/>
      <c r="H80" s="98"/>
      <c r="I80" s="84"/>
      <c r="J80" s="84"/>
      <c r="K80" s="85"/>
      <c r="L80" s="98"/>
      <c r="M80" s="84"/>
      <c r="N80" s="84"/>
      <c r="O80" s="85"/>
      <c r="P80" s="94"/>
      <c r="Q80" s="84"/>
      <c r="R80" s="84"/>
    </row>
    <row r="81" spans="1:18" x14ac:dyDescent="0.15">
      <c r="A81" s="88"/>
      <c r="B81" s="96"/>
      <c r="C81" s="97"/>
      <c r="D81" s="98"/>
      <c r="E81" s="84"/>
      <c r="F81" s="84"/>
      <c r="G81" s="85"/>
      <c r="H81" s="98"/>
      <c r="I81" s="84"/>
      <c r="J81" s="84"/>
      <c r="K81" s="85"/>
      <c r="L81" s="98"/>
      <c r="M81" s="84"/>
      <c r="N81" s="84"/>
      <c r="O81" s="85"/>
      <c r="P81" s="94"/>
      <c r="Q81" s="84"/>
      <c r="R81" s="84"/>
    </row>
    <row r="82" spans="1:18" x14ac:dyDescent="0.15">
      <c r="A82" s="88"/>
      <c r="B82" s="96"/>
      <c r="C82" s="97"/>
      <c r="D82" s="98"/>
      <c r="E82" s="84"/>
      <c r="F82" s="84"/>
      <c r="G82" s="85"/>
      <c r="H82" s="98"/>
      <c r="I82" s="84"/>
      <c r="J82" s="84"/>
      <c r="K82" s="85"/>
      <c r="L82" s="98"/>
      <c r="M82" s="84"/>
      <c r="N82" s="84"/>
      <c r="O82" s="85"/>
      <c r="P82" s="94"/>
      <c r="Q82" s="84"/>
      <c r="R82" s="84"/>
    </row>
    <row r="83" spans="1:18" x14ac:dyDescent="0.15">
      <c r="A83" s="88"/>
      <c r="B83" s="96"/>
      <c r="C83" s="97"/>
      <c r="D83" s="98"/>
      <c r="E83" s="84"/>
      <c r="F83" s="84"/>
      <c r="G83" s="85"/>
      <c r="H83" s="98"/>
      <c r="I83" s="84"/>
      <c r="J83" s="84"/>
      <c r="K83" s="85"/>
      <c r="L83" s="98"/>
      <c r="M83" s="84"/>
      <c r="N83" s="84"/>
      <c r="O83" s="85"/>
      <c r="P83" s="94"/>
      <c r="Q83" s="84"/>
      <c r="R83" s="84"/>
    </row>
    <row r="84" spans="1:18" x14ac:dyDescent="0.15">
      <c r="A84" s="88"/>
      <c r="B84" s="96"/>
      <c r="C84" s="97"/>
      <c r="D84" s="98"/>
      <c r="E84" s="84"/>
      <c r="F84" s="84"/>
      <c r="G84" s="85"/>
      <c r="H84" s="98"/>
      <c r="I84" s="84"/>
      <c r="J84" s="84"/>
      <c r="K84" s="85"/>
      <c r="L84" s="98"/>
      <c r="M84" s="84"/>
      <c r="N84" s="84"/>
      <c r="O84" s="85"/>
      <c r="P84" s="94"/>
      <c r="Q84" s="84"/>
      <c r="R84" s="84"/>
    </row>
    <row r="85" spans="1:18" x14ac:dyDescent="0.15">
      <c r="A85" s="88"/>
      <c r="B85" s="96"/>
      <c r="C85" s="97"/>
      <c r="D85" s="98"/>
      <c r="E85" s="84"/>
      <c r="F85" s="84"/>
      <c r="G85" s="85"/>
      <c r="H85" s="98"/>
      <c r="I85" s="84"/>
      <c r="J85" s="84"/>
      <c r="K85" s="85"/>
      <c r="L85" s="98"/>
      <c r="M85" s="84"/>
      <c r="N85" s="84"/>
      <c r="O85" s="85"/>
      <c r="P85" s="94"/>
      <c r="Q85" s="84"/>
      <c r="R85" s="84"/>
    </row>
    <row r="86" spans="1:18" x14ac:dyDescent="0.15">
      <c r="A86" s="88"/>
      <c r="B86" s="96"/>
      <c r="C86" s="97"/>
      <c r="D86" s="98"/>
      <c r="E86" s="84"/>
      <c r="F86" s="84"/>
      <c r="G86" s="85"/>
      <c r="H86" s="98"/>
      <c r="I86" s="84"/>
      <c r="J86" s="84"/>
      <c r="K86" s="85"/>
      <c r="L86" s="98"/>
      <c r="M86" s="84"/>
      <c r="N86" s="84"/>
      <c r="O86" s="85"/>
      <c r="P86" s="94"/>
      <c r="Q86" s="84"/>
      <c r="R86" s="84"/>
    </row>
    <row r="87" spans="1:18" x14ac:dyDescent="0.15">
      <c r="A87" s="88"/>
      <c r="B87" s="96"/>
      <c r="C87" s="97"/>
      <c r="D87" s="98"/>
      <c r="E87" s="84"/>
      <c r="F87" s="84"/>
      <c r="G87" s="85"/>
      <c r="H87" s="98"/>
      <c r="I87" s="84"/>
      <c r="J87" s="84"/>
      <c r="K87" s="85"/>
      <c r="L87" s="98"/>
      <c r="M87" s="84"/>
      <c r="N87" s="84"/>
      <c r="O87" s="85"/>
      <c r="P87" s="94"/>
      <c r="Q87" s="84"/>
      <c r="R87" s="84"/>
    </row>
    <row r="88" spans="1:18" x14ac:dyDescent="0.15">
      <c r="A88" s="88"/>
      <c r="B88" s="96"/>
      <c r="C88" s="97"/>
      <c r="D88" s="98"/>
      <c r="E88" s="84"/>
      <c r="F88" s="84"/>
      <c r="G88" s="85"/>
      <c r="H88" s="98"/>
      <c r="I88" s="84"/>
      <c r="J88" s="84"/>
      <c r="K88" s="85"/>
      <c r="L88" s="98"/>
      <c r="M88" s="84"/>
      <c r="N88" s="84"/>
      <c r="O88" s="85"/>
      <c r="P88" s="94"/>
      <c r="Q88" s="84"/>
      <c r="R88" s="84"/>
    </row>
    <row r="89" spans="1:18" x14ac:dyDescent="0.15">
      <c r="A89" s="88"/>
      <c r="B89" s="96"/>
      <c r="C89" s="97"/>
      <c r="D89" s="98"/>
      <c r="E89" s="84"/>
      <c r="F89" s="84"/>
      <c r="G89" s="85"/>
      <c r="H89" s="98"/>
      <c r="I89" s="84"/>
      <c r="J89" s="84"/>
      <c r="K89" s="85"/>
      <c r="L89" s="98"/>
      <c r="M89" s="84"/>
      <c r="N89" s="84"/>
      <c r="O89" s="85"/>
      <c r="P89" s="94"/>
      <c r="Q89" s="84"/>
      <c r="R89" s="84"/>
    </row>
    <row r="90" spans="1:18" x14ac:dyDescent="0.15">
      <c r="A90" s="88"/>
      <c r="B90" s="96"/>
      <c r="C90" s="97"/>
      <c r="D90" s="98"/>
      <c r="E90" s="84"/>
      <c r="F90" s="84"/>
      <c r="G90" s="85"/>
      <c r="H90" s="98"/>
      <c r="I90" s="84"/>
      <c r="J90" s="84"/>
      <c r="K90" s="85"/>
      <c r="L90" s="98"/>
      <c r="M90" s="84"/>
      <c r="N90" s="84"/>
      <c r="O90" s="85"/>
      <c r="P90" s="94"/>
      <c r="Q90" s="84"/>
      <c r="R90" s="84"/>
    </row>
    <row r="91" spans="1:18" x14ac:dyDescent="0.15">
      <c r="A91" s="88"/>
      <c r="B91" s="96"/>
      <c r="C91" s="97"/>
      <c r="D91" s="98"/>
      <c r="E91" s="84"/>
      <c r="F91" s="84"/>
      <c r="G91" s="85"/>
      <c r="H91" s="98"/>
      <c r="I91" s="84"/>
      <c r="J91" s="84"/>
      <c r="K91" s="85"/>
      <c r="L91" s="98"/>
      <c r="M91" s="84"/>
      <c r="N91" s="84"/>
      <c r="O91" s="85"/>
      <c r="P91" s="94"/>
      <c r="Q91" s="84"/>
      <c r="R91" s="84"/>
    </row>
    <row r="92" spans="1:18" x14ac:dyDescent="0.15">
      <c r="A92" s="88"/>
      <c r="B92" s="96"/>
      <c r="C92" s="97"/>
      <c r="D92" s="98"/>
      <c r="E92" s="84"/>
      <c r="F92" s="84"/>
      <c r="G92" s="85"/>
      <c r="H92" s="98"/>
      <c r="I92" s="84"/>
      <c r="J92" s="84"/>
      <c r="K92" s="85"/>
      <c r="L92" s="98"/>
      <c r="M92" s="84"/>
      <c r="N92" s="84"/>
      <c r="O92" s="85"/>
      <c r="P92" s="94"/>
      <c r="Q92" s="84"/>
      <c r="R92" s="84"/>
    </row>
    <row r="93" spans="1:18" x14ac:dyDescent="0.15">
      <c r="A93" s="88"/>
      <c r="B93" s="96"/>
      <c r="C93" s="97"/>
      <c r="D93" s="98"/>
      <c r="E93" s="84"/>
      <c r="F93" s="84"/>
      <c r="G93" s="85"/>
      <c r="H93" s="98"/>
      <c r="I93" s="84"/>
      <c r="J93" s="84"/>
      <c r="K93" s="85"/>
      <c r="L93" s="98"/>
      <c r="M93" s="84"/>
      <c r="N93" s="84"/>
      <c r="O93" s="85"/>
      <c r="P93" s="94"/>
      <c r="Q93" s="84"/>
      <c r="R93" s="84"/>
    </row>
    <row r="94" spans="1:18" x14ac:dyDescent="0.15">
      <c r="A94" s="99"/>
      <c r="B94" s="100"/>
      <c r="C94" s="89"/>
      <c r="D94" s="98"/>
      <c r="E94" s="84"/>
      <c r="F94" s="84"/>
      <c r="G94" s="85"/>
      <c r="H94" s="98"/>
      <c r="I94" s="84"/>
      <c r="J94" s="84"/>
      <c r="K94" s="85"/>
      <c r="L94" s="98"/>
      <c r="M94" s="84"/>
      <c r="N94" s="84"/>
      <c r="O94" s="85"/>
      <c r="P94" s="94"/>
      <c r="Q94" s="84"/>
      <c r="R94" s="84"/>
    </row>
    <row r="95" spans="1:18" x14ac:dyDescent="0.15">
      <c r="A95" s="99"/>
      <c r="B95" s="100"/>
      <c r="C95" s="89"/>
      <c r="D95" s="98"/>
      <c r="E95" s="84"/>
      <c r="F95" s="84"/>
      <c r="G95" s="85"/>
      <c r="H95" s="98"/>
      <c r="I95" s="84"/>
      <c r="J95" s="84"/>
      <c r="K95" s="85"/>
      <c r="L95" s="98"/>
      <c r="M95" s="84"/>
      <c r="N95" s="84"/>
      <c r="O95" s="85"/>
      <c r="P95" s="94"/>
      <c r="Q95" s="84"/>
      <c r="R95" s="84"/>
    </row>
    <row r="96" spans="1:18" x14ac:dyDescent="0.15">
      <c r="A96" s="99"/>
      <c r="B96" s="100"/>
      <c r="C96" s="89"/>
      <c r="D96" s="98"/>
      <c r="E96" s="84"/>
      <c r="F96" s="84"/>
      <c r="G96" s="85"/>
      <c r="H96" s="98"/>
      <c r="I96" s="84"/>
      <c r="J96" s="84"/>
      <c r="K96" s="85"/>
      <c r="L96" s="98"/>
      <c r="M96" s="84"/>
      <c r="N96" s="84"/>
      <c r="O96" s="85"/>
      <c r="P96" s="94"/>
      <c r="Q96" s="84"/>
      <c r="R96" s="84"/>
    </row>
    <row r="97" spans="4:8" x14ac:dyDescent="0.15">
      <c r="D97" s="81"/>
      <c r="H97" s="81"/>
    </row>
    <row r="98" spans="4:8" x14ac:dyDescent="0.15">
      <c r="D98" s="81"/>
      <c r="H98" s="81"/>
    </row>
    <row r="99" spans="4:8" x14ac:dyDescent="0.15">
      <c r="D99" s="81"/>
      <c r="H99" s="81"/>
    </row>
    <row r="100" spans="4:8" x14ac:dyDescent="0.15">
      <c r="D100" s="81"/>
      <c r="H100" s="81"/>
    </row>
    <row r="101" spans="4:8" x14ac:dyDescent="0.15">
      <c r="D101" s="81"/>
      <c r="H101" s="81"/>
    </row>
    <row r="102" spans="4:8" x14ac:dyDescent="0.15">
      <c r="D102" s="81"/>
    </row>
    <row r="103" spans="4:8" x14ac:dyDescent="0.15">
      <c r="D103" s="81"/>
    </row>
    <row r="104" spans="4:8" x14ac:dyDescent="0.15">
      <c r="D104" s="81"/>
    </row>
    <row r="105" spans="4:8" x14ac:dyDescent="0.15">
      <c r="D105" s="81"/>
    </row>
    <row r="106" spans="4:8" x14ac:dyDescent="0.15">
      <c r="D106" s="81"/>
    </row>
    <row r="107" spans="4:8" x14ac:dyDescent="0.15">
      <c r="D107" s="81"/>
    </row>
    <row r="108" spans="4:8" x14ac:dyDescent="0.15">
      <c r="D108" s="81"/>
    </row>
    <row r="109" spans="4:8" x14ac:dyDescent="0.15">
      <c r="D109" s="81"/>
    </row>
    <row r="110" spans="4:8" x14ac:dyDescent="0.15">
      <c r="D110" s="81"/>
    </row>
    <row r="111" spans="4:8" x14ac:dyDescent="0.15">
      <c r="D111" s="81"/>
    </row>
    <row r="112" spans="4:8" x14ac:dyDescent="0.15">
      <c r="D112" s="81"/>
    </row>
    <row r="113" spans="4:4" x14ac:dyDescent="0.15">
      <c r="D113" s="81"/>
    </row>
    <row r="114" spans="4:4" x14ac:dyDescent="0.15">
      <c r="D114" s="81"/>
    </row>
    <row r="115" spans="4:4" x14ac:dyDescent="0.15">
      <c r="D115" s="81"/>
    </row>
    <row r="116" spans="4:4" x14ac:dyDescent="0.15">
      <c r="D116" s="81"/>
    </row>
    <row r="117" spans="4:4" x14ac:dyDescent="0.15">
      <c r="D117" s="81"/>
    </row>
    <row r="118" spans="4:4" x14ac:dyDescent="0.15">
      <c r="D118" s="81"/>
    </row>
    <row r="119" spans="4:4" x14ac:dyDescent="0.15">
      <c r="D119" s="81"/>
    </row>
    <row r="120" spans="4:4" x14ac:dyDescent="0.15">
      <c r="D120" s="81"/>
    </row>
    <row r="121" spans="4:4" x14ac:dyDescent="0.15">
      <c r="D121" s="81"/>
    </row>
    <row r="122" spans="4:4" x14ac:dyDescent="0.15">
      <c r="D122" s="81"/>
    </row>
    <row r="123" spans="4:4" x14ac:dyDescent="0.15">
      <c r="D123" s="81"/>
    </row>
    <row r="124" spans="4:4" x14ac:dyDescent="0.15">
      <c r="D124" s="81"/>
    </row>
    <row r="125" spans="4:4" x14ac:dyDescent="0.15">
      <c r="D125" s="81"/>
    </row>
    <row r="126" spans="4:4" x14ac:dyDescent="0.15">
      <c r="D126" s="81"/>
    </row>
    <row r="127" spans="4:4" x14ac:dyDescent="0.15">
      <c r="D127" s="81"/>
    </row>
    <row r="128" spans="4:4" x14ac:dyDescent="0.15">
      <c r="D128" s="81"/>
    </row>
    <row r="129" spans="4:4" x14ac:dyDescent="0.15">
      <c r="D129" s="81"/>
    </row>
    <row r="130" spans="4:4" x14ac:dyDescent="0.15">
      <c r="D130" s="81"/>
    </row>
    <row r="131" spans="4:4" x14ac:dyDescent="0.15">
      <c r="D131" s="81"/>
    </row>
    <row r="132" spans="4:4" x14ac:dyDescent="0.15">
      <c r="D132" s="81"/>
    </row>
    <row r="133" spans="4:4" x14ac:dyDescent="0.15">
      <c r="D133" s="81"/>
    </row>
    <row r="134" spans="4:4" x14ac:dyDescent="0.15">
      <c r="D134" s="81"/>
    </row>
    <row r="135" spans="4:4" x14ac:dyDescent="0.15">
      <c r="D135" s="81"/>
    </row>
    <row r="136" spans="4:4" x14ac:dyDescent="0.15">
      <c r="D136" s="81"/>
    </row>
    <row r="137" spans="4:4" x14ac:dyDescent="0.15">
      <c r="D137" s="81"/>
    </row>
    <row r="138" spans="4:4" x14ac:dyDescent="0.15">
      <c r="D138" s="81"/>
    </row>
    <row r="139" spans="4:4" x14ac:dyDescent="0.15">
      <c r="D139" s="81"/>
    </row>
    <row r="140" spans="4:4" x14ac:dyDescent="0.15">
      <c r="D140" s="81"/>
    </row>
    <row r="141" spans="4:4" x14ac:dyDescent="0.15">
      <c r="D141" s="81"/>
    </row>
    <row r="142" spans="4:4" x14ac:dyDescent="0.15">
      <c r="D142" s="81"/>
    </row>
    <row r="143" spans="4:4" x14ac:dyDescent="0.15">
      <c r="D143" s="81"/>
    </row>
    <row r="144" spans="4:4" x14ac:dyDescent="0.15">
      <c r="D144" s="81"/>
    </row>
    <row r="145" spans="4:4" x14ac:dyDescent="0.15">
      <c r="D145" s="81"/>
    </row>
    <row r="146" spans="4:4" x14ac:dyDescent="0.15">
      <c r="D146" s="81"/>
    </row>
    <row r="147" spans="4:4" x14ac:dyDescent="0.15">
      <c r="D147" s="81"/>
    </row>
    <row r="148" spans="4:4" x14ac:dyDescent="0.15">
      <c r="D148" s="81"/>
    </row>
    <row r="149" spans="4:4" x14ac:dyDescent="0.15">
      <c r="D149" s="81"/>
    </row>
    <row r="150" spans="4:4" x14ac:dyDescent="0.15">
      <c r="D150" s="81"/>
    </row>
    <row r="151" spans="4:4" x14ac:dyDescent="0.15">
      <c r="D151" s="81"/>
    </row>
    <row r="152" spans="4:4" x14ac:dyDescent="0.15">
      <c r="D152" s="81"/>
    </row>
    <row r="153" spans="4:4" x14ac:dyDescent="0.15">
      <c r="D153" s="81"/>
    </row>
    <row r="154" spans="4:4" x14ac:dyDescent="0.15">
      <c r="D154" s="81"/>
    </row>
    <row r="155" spans="4:4" x14ac:dyDescent="0.15">
      <c r="D155" s="81"/>
    </row>
    <row r="156" spans="4:4" x14ac:dyDescent="0.15">
      <c r="D156" s="81"/>
    </row>
    <row r="157" spans="4:4" x14ac:dyDescent="0.15">
      <c r="D157" s="81"/>
    </row>
    <row r="158" spans="4:4" x14ac:dyDescent="0.15">
      <c r="D158" s="81"/>
    </row>
    <row r="159" spans="4:4" x14ac:dyDescent="0.15">
      <c r="D159" s="81"/>
    </row>
    <row r="160" spans="4:4" x14ac:dyDescent="0.15">
      <c r="D160" s="81"/>
    </row>
    <row r="161" spans="4:4" x14ac:dyDescent="0.15">
      <c r="D161" s="81"/>
    </row>
    <row r="162" spans="4:4" x14ac:dyDescent="0.15">
      <c r="D162" s="81"/>
    </row>
    <row r="163" spans="4:4" x14ac:dyDescent="0.15">
      <c r="D163" s="81"/>
    </row>
    <row r="164" spans="4:4" x14ac:dyDescent="0.15">
      <c r="D164" s="81"/>
    </row>
    <row r="165" spans="4:4" x14ac:dyDescent="0.15">
      <c r="D165" s="81"/>
    </row>
    <row r="166" spans="4:4" x14ac:dyDescent="0.15">
      <c r="D166" s="81"/>
    </row>
    <row r="167" spans="4:4" x14ac:dyDescent="0.15">
      <c r="D167" s="81"/>
    </row>
    <row r="168" spans="4:4" x14ac:dyDescent="0.15">
      <c r="D168" s="81"/>
    </row>
    <row r="169" spans="4:4" x14ac:dyDescent="0.15">
      <c r="D169" s="81"/>
    </row>
    <row r="170" spans="4:4" x14ac:dyDescent="0.15">
      <c r="D170" s="81"/>
    </row>
    <row r="171" spans="4:4" x14ac:dyDescent="0.15">
      <c r="D171" s="81"/>
    </row>
    <row r="172" spans="4:4" x14ac:dyDescent="0.15">
      <c r="D172" s="81"/>
    </row>
    <row r="173" spans="4:4" x14ac:dyDescent="0.15">
      <c r="D173" s="81"/>
    </row>
    <row r="174" spans="4:4" x14ac:dyDescent="0.15">
      <c r="D174" s="81"/>
    </row>
    <row r="175" spans="4:4" x14ac:dyDescent="0.15">
      <c r="D175" s="81"/>
    </row>
    <row r="176" spans="4:4" x14ac:dyDescent="0.15">
      <c r="D176" s="81"/>
    </row>
    <row r="177" spans="4:4" x14ac:dyDescent="0.15">
      <c r="D177" s="81"/>
    </row>
  </sheetData>
  <mergeCells count="8">
    <mergeCell ref="L3:N3"/>
    <mergeCell ref="P3:R3"/>
    <mergeCell ref="A45:B45"/>
    <mergeCell ref="A46:B46"/>
    <mergeCell ref="A47:B47"/>
    <mergeCell ref="A3:B5"/>
    <mergeCell ref="D3:F3"/>
    <mergeCell ref="H3:J3"/>
  </mergeCells>
  <phoneticPr fontId="2"/>
  <printOptions horizontalCentered="1" gridLinesSet="0"/>
  <pageMargins left="0.7" right="0.7" top="0.75" bottom="0.75" header="0.3" footer="0.3"/>
  <pageSetup paperSize="9" scale="96" orientation="portrait" blackAndWhite="1" r:id="rId1"/>
  <headerFooter alignWithMargins="0"/>
  <colBreaks count="1" manualBreakCount="1"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構成割合</vt:lpstr>
      <vt:lpstr>構成割合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7:37:44Z</cp:lastPrinted>
  <dcterms:created xsi:type="dcterms:W3CDTF">2018-03-07T06:36:23Z</dcterms:created>
  <dcterms:modified xsi:type="dcterms:W3CDTF">2018-03-08T07:38:02Z</dcterms:modified>
</cp:coreProperties>
</file>